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430"/>
  <workbookPr/>
  <mc:AlternateContent xmlns:mc="http://schemas.openxmlformats.org/markup-compatibility/2006">
    <mc:Choice Requires="x15">
      <x15ac:absPath xmlns:x15ac="http://schemas.microsoft.com/office/spreadsheetml/2010/11/ac" url="C:\Users\s3399895\OneDrive - RMIT University\2021\Papers\IL Characterisation\Data\ML\"/>
    </mc:Choice>
  </mc:AlternateContent>
  <xr:revisionPtr revIDLastSave="0" documentId="13_ncr:1_{F56B4926-9CD7-4941-8A51-AEF41ADB9770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ata" sheetId="1" r:id="rId1"/>
    <sheet name="Sheet1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25" uniqueCount="103">
  <si>
    <t>EAN</t>
  </si>
  <si>
    <t>EAA</t>
  </si>
  <si>
    <t>Solid</t>
  </si>
  <si>
    <t>EAF</t>
  </si>
  <si>
    <t>EAG</t>
  </si>
  <si>
    <t>EAL</t>
  </si>
  <si>
    <t>EAMS</t>
  </si>
  <si>
    <t>EAH</t>
  </si>
  <si>
    <t>EATFA</t>
  </si>
  <si>
    <t>EAPH</t>
  </si>
  <si>
    <t>EAPC</t>
  </si>
  <si>
    <t>EtAN</t>
  </si>
  <si>
    <t>EtAA</t>
  </si>
  <si>
    <t>EtAF</t>
  </si>
  <si>
    <t>EtAG</t>
  </si>
  <si>
    <t>EtAL</t>
  </si>
  <si>
    <t>EtAMS</t>
  </si>
  <si>
    <t>EtAP</t>
  </si>
  <si>
    <t>EtAH</t>
  </si>
  <si>
    <t>EtAPH</t>
  </si>
  <si>
    <t>PAN</t>
  </si>
  <si>
    <t>PAA</t>
  </si>
  <si>
    <t>PAF</t>
  </si>
  <si>
    <t>PAG</t>
  </si>
  <si>
    <t>PAL</t>
  </si>
  <si>
    <t>PAMS</t>
  </si>
  <si>
    <t>BAN</t>
  </si>
  <si>
    <t>BAF</t>
  </si>
  <si>
    <t>BAL</t>
  </si>
  <si>
    <t>BAA</t>
  </si>
  <si>
    <t>BAG</t>
  </si>
  <si>
    <t>BAMS</t>
  </si>
  <si>
    <t>AMAN</t>
  </si>
  <si>
    <t>AMAA</t>
  </si>
  <si>
    <t>AMAF</t>
  </si>
  <si>
    <t>AMAG</t>
  </si>
  <si>
    <t>AMAL</t>
  </si>
  <si>
    <t>AMAMS</t>
  </si>
  <si>
    <t>ChN</t>
  </si>
  <si>
    <t>ChA</t>
  </si>
  <si>
    <t>ChF</t>
  </si>
  <si>
    <t>ChG</t>
  </si>
  <si>
    <t>ChL</t>
  </si>
  <si>
    <t>ChMS</t>
  </si>
  <si>
    <t>ChH</t>
  </si>
  <si>
    <t>ChPH</t>
  </si>
  <si>
    <t>DEAF</t>
  </si>
  <si>
    <t>DEtAF</t>
  </si>
  <si>
    <t>DEtAA</t>
  </si>
  <si>
    <t>TEtAF</t>
  </si>
  <si>
    <t>TEtAA</t>
  </si>
  <si>
    <t>N/D</t>
  </si>
  <si>
    <t>N/A</t>
  </si>
  <si>
    <t>&gt;1000</t>
  </si>
  <si>
    <t>N/D (Lit 151.9)</t>
  </si>
  <si>
    <t>Crystalline</t>
  </si>
  <si>
    <t>crystalline</t>
  </si>
  <si>
    <t>Conductivity</t>
  </si>
  <si>
    <t>Viscosity</t>
  </si>
  <si>
    <t>Density</t>
  </si>
  <si>
    <t>nOH</t>
  </si>
  <si>
    <t>nC1Cation</t>
  </si>
  <si>
    <t>nC2Cation</t>
  </si>
  <si>
    <t>nC3Cation</t>
  </si>
  <si>
    <t>nC4Cation</t>
  </si>
  <si>
    <t>nOHCation</t>
  </si>
  <si>
    <t>nN</t>
  </si>
  <si>
    <t>nS</t>
  </si>
  <si>
    <t>nP</t>
  </si>
  <si>
    <t>nCl</t>
  </si>
  <si>
    <t>nF</t>
  </si>
  <si>
    <t>nCOO</t>
  </si>
  <si>
    <t>nC</t>
  </si>
  <si>
    <t>ID</t>
  </si>
  <si>
    <t>WaterCon</t>
  </si>
  <si>
    <t>pH10</t>
  </si>
  <si>
    <t>Nhpeak</t>
  </si>
  <si>
    <t>RefractiveIndex</t>
  </si>
  <si>
    <t>SurfTension</t>
  </si>
  <si>
    <t>MeltingPoint</t>
  </si>
  <si>
    <t>GlassTransition</t>
  </si>
  <si>
    <t>BraggSpacing25C</t>
  </si>
  <si>
    <t>BraggSpacing50C</t>
  </si>
  <si>
    <t>Number of carbons in the first alkyl chain on the cation</t>
  </si>
  <si>
    <t>Number of carbons in the second alkyl chain on the cation</t>
  </si>
  <si>
    <t>Number of carbons in the third alkyl chain on the cation</t>
  </si>
  <si>
    <t>Number of hydroxyl groups on the cation</t>
  </si>
  <si>
    <t>Carboxylate anion = 1, if not = 0</t>
  </si>
  <si>
    <t>Number of hydroxyl groups on the anion</t>
  </si>
  <si>
    <t>Descriptor</t>
  </si>
  <si>
    <t>Description</t>
  </si>
  <si>
    <t>Number of nitrogen atoms on the anion</t>
  </si>
  <si>
    <t>Number of sulphur atoms on the anion</t>
  </si>
  <si>
    <t>Number of chlorine atoms on the anion</t>
  </si>
  <si>
    <t>Number of fluorine atoms on the anion</t>
  </si>
  <si>
    <t>Number of phosphorus atoms on the anion</t>
  </si>
  <si>
    <t>Number of carbons on the anion excluding carboxylate carbons</t>
  </si>
  <si>
    <t>ILs with descriptor</t>
  </si>
  <si>
    <t>Concentration of water in wt%</t>
  </si>
  <si>
    <t>Cation</t>
  </si>
  <si>
    <t>Anion</t>
  </si>
  <si>
    <t>Ionic Liquid</t>
  </si>
  <si>
    <t>Number of carbons in the fourth alkyl chain on the c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0.000"/>
    <numFmt numFmtId="165" formatCode="0.0000"/>
    <numFmt numFmtId="166" formatCode="0.0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  <font>
      <b/>
      <sz val="11"/>
      <color theme="1"/>
      <name val="Times New Roman"/>
      <family val="1"/>
    </font>
    <font>
      <b/>
      <u/>
      <sz val="11"/>
      <color theme="1"/>
      <name val="Times New Roman"/>
      <family val="1"/>
    </font>
    <font>
      <b/>
      <u/>
      <sz val="12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">
    <xf numFmtId="0" fontId="0" fillId="0" borderId="0" xfId="0"/>
    <xf numFmtId="0" fontId="0" fillId="0" borderId="0" xfId="0" applyAlignment="1">
      <alignment horizontal="center"/>
    </xf>
    <xf numFmtId="165" fontId="0" fillId="0" borderId="0" xfId="0" applyNumberFormat="1" applyAlignment="1">
      <alignment horizontal="center"/>
    </xf>
    <xf numFmtId="0" fontId="0" fillId="0" borderId="0" xfId="0" applyFill="1"/>
    <xf numFmtId="0" fontId="0" fillId="0" borderId="0" xfId="0" applyAlignment="1">
      <alignment horizontal="center"/>
    </xf>
    <xf numFmtId="0" fontId="0" fillId="0" borderId="1" xfId="0" applyBorder="1" applyAlignment="1">
      <alignment horizontal="center"/>
    </xf>
    <xf numFmtId="2" fontId="0" fillId="0" borderId="1" xfId="0" applyNumberFormat="1" applyBorder="1" applyAlignment="1">
      <alignment horizontal="center"/>
    </xf>
    <xf numFmtId="166" fontId="0" fillId="0" borderId="1" xfId="0" applyNumberFormat="1" applyBorder="1" applyAlignment="1">
      <alignment horizontal="center"/>
    </xf>
    <xf numFmtId="164" fontId="0" fillId="0" borderId="1" xfId="0" applyNumberFormat="1" applyBorder="1" applyAlignment="1">
      <alignment horizontal="center"/>
    </xf>
    <xf numFmtId="165" fontId="0" fillId="0" borderId="1" xfId="0" applyNumberFormat="1" applyBorder="1" applyAlignment="1">
      <alignment horizontal="center"/>
    </xf>
    <xf numFmtId="0" fontId="1" fillId="0" borderId="0" xfId="0" applyFont="1" applyBorder="1" applyAlignment="1">
      <alignment horizontal="center"/>
    </xf>
    <xf numFmtId="0" fontId="0" fillId="0" borderId="0" xfId="0" applyBorder="1"/>
    <xf numFmtId="0" fontId="2" fillId="0" borderId="0" xfId="0" applyFont="1" applyBorder="1" applyAlignment="1">
      <alignment horizontal="center"/>
    </xf>
    <xf numFmtId="0" fontId="4" fillId="0" borderId="0" xfId="0" applyFont="1" applyBorder="1" applyAlignment="1"/>
    <xf numFmtId="0" fontId="4" fillId="0" borderId="0" xfId="0" applyFont="1" applyBorder="1" applyAlignment="1">
      <alignment horizontal="center"/>
    </xf>
    <xf numFmtId="0" fontId="3" fillId="0" borderId="0" xfId="0" applyFont="1" applyBorder="1" applyAlignment="1"/>
    <xf numFmtId="0" fontId="3" fillId="0" borderId="0" xfId="0" applyFont="1" applyBorder="1" applyAlignment="1">
      <alignment horizontal="center"/>
    </xf>
    <xf numFmtId="0" fontId="1" fillId="0" borderId="0" xfId="0" applyFont="1" applyFill="1" applyBorder="1" applyAlignment="1">
      <alignment horizontal="center"/>
    </xf>
  </cellXfs>
  <cellStyles count="1">
    <cellStyle name="Normal" xfId="0" builtinId="0"/>
  </cellStyles>
  <dxfs count="4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C000"/>
        </patternFill>
      </fill>
    </dxf>
    <dxf>
      <fill>
        <patternFill>
          <bgColor rgb="FF00B05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Z53"/>
  <sheetViews>
    <sheetView tabSelected="1" zoomScale="55" zoomScaleNormal="55" workbookViewId="0">
      <pane xSplit="1" topLeftCell="B1" activePane="topRight" state="frozen"/>
      <selection pane="topRight" activeCell="N47" sqref="N47"/>
    </sheetView>
  </sheetViews>
  <sheetFormatPr defaultColWidth="8.81640625" defaultRowHeight="14.5" x14ac:dyDescent="0.35"/>
  <cols>
    <col min="1" max="1" width="8.1796875" style="1" bestFit="1" customWidth="1"/>
    <col min="2" max="6" width="14.1796875" style="4" customWidth="1"/>
    <col min="7" max="7" width="9.08984375" style="4" customWidth="1"/>
    <col min="8" max="8" width="8.81640625" style="4" customWidth="1"/>
    <col min="9" max="9" width="7.54296875" style="4" customWidth="1"/>
    <col min="10" max="10" width="8.90625" style="4" customWidth="1"/>
    <col min="11" max="11" width="9.1796875" style="4" customWidth="1"/>
    <col min="12" max="15" width="14.1796875" style="4" customWidth="1"/>
    <col min="16" max="16" width="9.1796875" style="1" bestFit="1" customWidth="1"/>
    <col min="17" max="17" width="13.81640625" style="1" bestFit="1" customWidth="1"/>
    <col min="18" max="18" width="18.81640625" style="1" bestFit="1" customWidth="1"/>
    <col min="19" max="19" width="14.1796875" style="1" bestFit="1" customWidth="1"/>
    <col min="20" max="20" width="14.81640625" style="1" bestFit="1" customWidth="1"/>
    <col min="21" max="21" width="13" style="1" bestFit="1" customWidth="1"/>
    <col min="22" max="22" width="21.36328125" style="1" bestFit="1" customWidth="1"/>
    <col min="23" max="23" width="15.81640625" style="1" bestFit="1" customWidth="1"/>
    <col min="24" max="24" width="18.08984375" style="1" bestFit="1" customWidth="1"/>
    <col min="25" max="26" width="18.1796875" style="1" bestFit="1" customWidth="1"/>
    <col min="27" max="16384" width="8.81640625" style="1"/>
  </cols>
  <sheetData>
    <row r="1" spans="1:26" x14ac:dyDescent="0.35">
      <c r="A1" s="1" t="s">
        <v>73</v>
      </c>
      <c r="B1" s="4" t="s">
        <v>61</v>
      </c>
      <c r="C1" s="4" t="s">
        <v>62</v>
      </c>
      <c r="D1" s="4" t="s">
        <v>63</v>
      </c>
      <c r="E1" s="4" t="s">
        <v>64</v>
      </c>
      <c r="F1" s="4" t="s">
        <v>65</v>
      </c>
      <c r="G1" s="4" t="s">
        <v>66</v>
      </c>
      <c r="H1" s="4" t="s">
        <v>67</v>
      </c>
      <c r="I1" s="4" t="s">
        <v>68</v>
      </c>
      <c r="J1" s="4" t="s">
        <v>69</v>
      </c>
      <c r="K1" s="4" t="s">
        <v>70</v>
      </c>
      <c r="L1" s="4" t="s">
        <v>71</v>
      </c>
      <c r="M1" s="4" t="s">
        <v>72</v>
      </c>
      <c r="N1" s="4" t="s">
        <v>60</v>
      </c>
      <c r="O1" s="5" t="s">
        <v>74</v>
      </c>
      <c r="P1" s="1" t="s">
        <v>75</v>
      </c>
      <c r="Q1" s="1" t="s">
        <v>76</v>
      </c>
      <c r="R1" s="1" t="s">
        <v>57</v>
      </c>
      <c r="S1" s="1" t="s">
        <v>77</v>
      </c>
      <c r="T1" s="1" t="s">
        <v>58</v>
      </c>
      <c r="U1" s="1" t="s">
        <v>59</v>
      </c>
      <c r="V1" s="1" t="s">
        <v>78</v>
      </c>
      <c r="W1" s="1" t="s">
        <v>79</v>
      </c>
      <c r="X1" s="1" t="s">
        <v>80</v>
      </c>
      <c r="Y1" s="3" t="s">
        <v>81</v>
      </c>
      <c r="Z1" s="3" t="s">
        <v>82</v>
      </c>
    </row>
    <row r="2" spans="1:26" x14ac:dyDescent="0.35">
      <c r="A2" s="1" t="s">
        <v>0</v>
      </c>
      <c r="B2" s="4">
        <v>2</v>
      </c>
      <c r="C2" s="4">
        <v>0</v>
      </c>
      <c r="D2" s="4">
        <v>0</v>
      </c>
      <c r="E2" s="4">
        <v>0</v>
      </c>
      <c r="F2" s="4">
        <v>0</v>
      </c>
      <c r="G2" s="4">
        <v>1</v>
      </c>
      <c r="H2" s="4">
        <v>0</v>
      </c>
      <c r="I2" s="4">
        <v>0</v>
      </c>
      <c r="J2" s="4">
        <v>0</v>
      </c>
      <c r="K2" s="4">
        <v>0</v>
      </c>
      <c r="L2" s="4">
        <v>0</v>
      </c>
      <c r="M2" s="4">
        <v>0</v>
      </c>
      <c r="N2" s="4">
        <v>0</v>
      </c>
      <c r="O2" s="6">
        <v>1.6037240704300479</v>
      </c>
      <c r="P2" s="5">
        <v>6.01</v>
      </c>
      <c r="Q2" s="5">
        <v>7.64</v>
      </c>
      <c r="R2" s="8">
        <v>23.539699999999996</v>
      </c>
      <c r="S2" s="9">
        <v>1.4499000000000002</v>
      </c>
      <c r="T2" s="7">
        <v>33.999999999999993</v>
      </c>
      <c r="U2" s="9">
        <v>1.1629483333333335</v>
      </c>
      <c r="V2" s="7">
        <v>52.4</v>
      </c>
      <c r="W2" s="5">
        <v>4.9000000000000004</v>
      </c>
      <c r="X2" s="5" t="s">
        <v>51</v>
      </c>
      <c r="Y2" s="9">
        <v>9.7186902010829197</v>
      </c>
    </row>
    <row r="3" spans="1:26" x14ac:dyDescent="0.35">
      <c r="A3" s="1" t="s">
        <v>1</v>
      </c>
      <c r="B3" s="4">
        <v>2</v>
      </c>
      <c r="C3" s="4">
        <v>0</v>
      </c>
      <c r="D3" s="4">
        <v>0</v>
      </c>
      <c r="E3" s="4">
        <v>0</v>
      </c>
      <c r="F3" s="4">
        <v>0</v>
      </c>
      <c r="G3" s="4">
        <v>0</v>
      </c>
      <c r="H3" s="4">
        <v>0</v>
      </c>
      <c r="I3" s="4">
        <v>0</v>
      </c>
      <c r="J3" s="4">
        <v>0</v>
      </c>
      <c r="K3" s="4">
        <v>0</v>
      </c>
      <c r="L3" s="4">
        <v>1</v>
      </c>
      <c r="M3" s="4">
        <v>1</v>
      </c>
      <c r="N3" s="4">
        <v>0</v>
      </c>
      <c r="O3" s="6">
        <v>6.9366766007098999</v>
      </c>
      <c r="P3" s="5">
        <v>6.29</v>
      </c>
      <c r="Q3" s="5">
        <v>6.11</v>
      </c>
      <c r="R3" s="5" t="s">
        <v>2</v>
      </c>
      <c r="S3" s="5" t="s">
        <v>2</v>
      </c>
      <c r="T3" s="5" t="s">
        <v>2</v>
      </c>
      <c r="U3" s="5" t="s">
        <v>2</v>
      </c>
      <c r="V3" s="5" t="s">
        <v>2</v>
      </c>
      <c r="W3" s="5">
        <v>84.04</v>
      </c>
      <c r="X3" s="5">
        <v>-94.69</v>
      </c>
      <c r="Y3" s="5"/>
      <c r="Z3" s="1" t="s">
        <v>55</v>
      </c>
    </row>
    <row r="4" spans="1:26" x14ac:dyDescent="0.35">
      <c r="A4" s="1" t="s">
        <v>3</v>
      </c>
      <c r="B4" s="4">
        <v>2</v>
      </c>
      <c r="C4" s="4">
        <v>0</v>
      </c>
      <c r="D4" s="4">
        <v>0</v>
      </c>
      <c r="E4" s="4">
        <v>0</v>
      </c>
      <c r="F4" s="4">
        <v>0</v>
      </c>
      <c r="G4" s="4">
        <v>0</v>
      </c>
      <c r="H4" s="4">
        <v>0</v>
      </c>
      <c r="I4" s="4">
        <v>0</v>
      </c>
      <c r="J4" s="4">
        <v>0</v>
      </c>
      <c r="K4" s="4">
        <v>0</v>
      </c>
      <c r="L4" s="4">
        <v>1</v>
      </c>
      <c r="M4" s="4">
        <v>0</v>
      </c>
      <c r="N4" s="4">
        <v>0</v>
      </c>
      <c r="O4" s="6">
        <v>8.8117179947086157</v>
      </c>
      <c r="P4" s="5">
        <v>4.37</v>
      </c>
      <c r="Q4" s="5">
        <v>7.25</v>
      </c>
      <c r="R4" s="8">
        <v>12.905233333333332</v>
      </c>
      <c r="S4" s="9">
        <v>1.4340999999999999</v>
      </c>
      <c r="T4" s="7">
        <v>53.766666666666673</v>
      </c>
      <c r="U4" s="9">
        <v>1.0040316666666667</v>
      </c>
      <c r="V4" s="7">
        <v>46.466666666666661</v>
      </c>
      <c r="W4" s="5" t="s">
        <v>51</v>
      </c>
      <c r="X4" s="6">
        <v>-100.23666666666668</v>
      </c>
      <c r="Y4" s="5"/>
    </row>
    <row r="5" spans="1:26" x14ac:dyDescent="0.35">
      <c r="A5" s="1" t="s">
        <v>4</v>
      </c>
      <c r="B5" s="4">
        <v>2</v>
      </c>
      <c r="C5" s="4">
        <v>0</v>
      </c>
      <c r="D5" s="4">
        <v>0</v>
      </c>
      <c r="E5" s="4">
        <v>0</v>
      </c>
      <c r="F5" s="4">
        <v>0</v>
      </c>
      <c r="G5" s="4">
        <v>0</v>
      </c>
      <c r="H5" s="4">
        <v>0</v>
      </c>
      <c r="I5" s="4">
        <v>0</v>
      </c>
      <c r="J5" s="4">
        <v>0</v>
      </c>
      <c r="K5" s="4">
        <v>0</v>
      </c>
      <c r="L5" s="4">
        <v>1</v>
      </c>
      <c r="M5" s="4">
        <v>1</v>
      </c>
      <c r="N5" s="4">
        <v>1</v>
      </c>
      <c r="O5" s="6">
        <v>7.8964904211792444</v>
      </c>
      <c r="P5" s="5">
        <v>4.8</v>
      </c>
      <c r="Q5" s="5">
        <v>6.36</v>
      </c>
      <c r="R5" s="8">
        <v>0.21312500000000001</v>
      </c>
      <c r="S5" s="9">
        <v>1.4705666666666666</v>
      </c>
      <c r="T5" s="5" t="s">
        <v>53</v>
      </c>
      <c r="U5" s="9">
        <v>1.1355666666666666</v>
      </c>
      <c r="V5" s="7">
        <v>67.666666666666671</v>
      </c>
      <c r="W5" s="5" t="s">
        <v>51</v>
      </c>
      <c r="X5" s="6">
        <v>-55.613333333333337</v>
      </c>
      <c r="Y5" s="5"/>
    </row>
    <row r="6" spans="1:26" x14ac:dyDescent="0.35">
      <c r="A6" s="1" t="s">
        <v>5</v>
      </c>
      <c r="B6" s="4">
        <v>2</v>
      </c>
      <c r="C6" s="4">
        <v>0</v>
      </c>
      <c r="D6" s="4">
        <v>0</v>
      </c>
      <c r="E6" s="4">
        <v>0</v>
      </c>
      <c r="F6" s="4">
        <v>0</v>
      </c>
      <c r="G6" s="4">
        <v>0</v>
      </c>
      <c r="H6" s="4">
        <v>0</v>
      </c>
      <c r="I6" s="4">
        <v>0</v>
      </c>
      <c r="J6" s="4">
        <v>0</v>
      </c>
      <c r="K6" s="4">
        <v>0</v>
      </c>
      <c r="L6" s="4">
        <v>1</v>
      </c>
      <c r="M6" s="4">
        <v>2</v>
      </c>
      <c r="N6" s="4">
        <v>1</v>
      </c>
      <c r="O6" s="6">
        <v>9.5798160056978112</v>
      </c>
      <c r="P6" s="5">
        <v>4.8899999999999997</v>
      </c>
      <c r="Q6" s="5">
        <v>6.15</v>
      </c>
      <c r="R6" s="8">
        <v>8.8550000000000018E-2</v>
      </c>
      <c r="S6" s="9">
        <v>1.4625333333333332</v>
      </c>
      <c r="T6" s="5" t="s">
        <v>53</v>
      </c>
      <c r="U6" s="9">
        <v>1.0813333333333333</v>
      </c>
      <c r="V6" s="7">
        <v>58.79999999999999</v>
      </c>
      <c r="W6" s="5" t="s">
        <v>51</v>
      </c>
      <c r="X6" s="6">
        <v>-53.669999999999995</v>
      </c>
      <c r="Y6" s="9">
        <v>9.3231567179384403</v>
      </c>
      <c r="Z6" s="2">
        <v>9.524669648144835</v>
      </c>
    </row>
    <row r="7" spans="1:26" x14ac:dyDescent="0.35">
      <c r="A7" s="1" t="s">
        <v>6</v>
      </c>
      <c r="B7" s="4">
        <v>2</v>
      </c>
      <c r="C7" s="4">
        <v>0</v>
      </c>
      <c r="D7" s="4">
        <v>0</v>
      </c>
      <c r="E7" s="4">
        <v>0</v>
      </c>
      <c r="F7" s="4">
        <v>0</v>
      </c>
      <c r="G7" s="4">
        <v>0</v>
      </c>
      <c r="H7" s="4">
        <v>1</v>
      </c>
      <c r="I7" s="4">
        <v>0</v>
      </c>
      <c r="J7" s="4">
        <v>0</v>
      </c>
      <c r="K7" s="4">
        <v>0</v>
      </c>
      <c r="L7" s="4">
        <v>0</v>
      </c>
      <c r="M7" s="4">
        <v>1</v>
      </c>
      <c r="N7" s="4">
        <v>0</v>
      </c>
      <c r="O7" s="7">
        <v>12.451402620595736</v>
      </c>
      <c r="P7" s="5">
        <v>2.23</v>
      </c>
      <c r="Q7" s="5">
        <v>7.64</v>
      </c>
      <c r="R7" s="8" t="s">
        <v>2</v>
      </c>
      <c r="S7" s="8" t="s">
        <v>2</v>
      </c>
      <c r="T7" s="8" t="s">
        <v>2</v>
      </c>
      <c r="U7" s="8" t="s">
        <v>2</v>
      </c>
      <c r="V7" s="8" t="s">
        <v>2</v>
      </c>
      <c r="W7" s="6">
        <v>115.50666666666666</v>
      </c>
      <c r="X7" s="5" t="s">
        <v>51</v>
      </c>
      <c r="Y7" s="5" t="s">
        <v>55</v>
      </c>
      <c r="Z7" s="1" t="s">
        <v>55</v>
      </c>
    </row>
    <row r="8" spans="1:26" x14ac:dyDescent="0.35">
      <c r="A8" s="1" t="s">
        <v>7</v>
      </c>
      <c r="B8" s="4">
        <v>2</v>
      </c>
      <c r="C8" s="4">
        <v>0</v>
      </c>
      <c r="D8" s="4">
        <v>0</v>
      </c>
      <c r="E8" s="4">
        <v>0</v>
      </c>
      <c r="F8" s="4">
        <v>0</v>
      </c>
      <c r="G8" s="4">
        <v>0</v>
      </c>
      <c r="H8" s="4">
        <v>0</v>
      </c>
      <c r="I8" s="4">
        <v>0</v>
      </c>
      <c r="J8" s="4">
        <v>0</v>
      </c>
      <c r="K8" s="4">
        <v>0</v>
      </c>
      <c r="L8" s="4">
        <v>1</v>
      </c>
      <c r="M8" s="4">
        <v>5</v>
      </c>
      <c r="N8" s="4">
        <v>0</v>
      </c>
      <c r="O8" s="8">
        <v>0.22794664203486908</v>
      </c>
      <c r="P8" s="5">
        <v>5.39</v>
      </c>
      <c r="Q8" s="5">
        <v>7.45</v>
      </c>
      <c r="R8" s="8">
        <v>0.398725</v>
      </c>
      <c r="S8" s="9">
        <v>1.4376</v>
      </c>
      <c r="T8" s="7">
        <v>73</v>
      </c>
      <c r="U8" s="9">
        <v>0.90616333333333332</v>
      </c>
      <c r="V8" s="7">
        <v>31.866666666666671</v>
      </c>
      <c r="W8" s="5" t="s">
        <v>51</v>
      </c>
      <c r="X8" s="5">
        <v>-92.34</v>
      </c>
      <c r="Y8" s="9">
        <v>15.182154400830946</v>
      </c>
      <c r="Z8" s="2">
        <v>15.061319088089041</v>
      </c>
    </row>
    <row r="9" spans="1:26" x14ac:dyDescent="0.35">
      <c r="A9" s="1" t="s">
        <v>8</v>
      </c>
      <c r="B9" s="4">
        <v>2</v>
      </c>
      <c r="C9" s="4">
        <v>0</v>
      </c>
      <c r="D9" s="4">
        <v>0</v>
      </c>
      <c r="E9" s="4">
        <v>0</v>
      </c>
      <c r="F9" s="4">
        <v>0</v>
      </c>
      <c r="G9" s="4">
        <v>0</v>
      </c>
      <c r="H9" s="4">
        <v>0</v>
      </c>
      <c r="I9" s="4">
        <v>0</v>
      </c>
      <c r="J9" s="4">
        <v>0</v>
      </c>
      <c r="K9" s="4">
        <v>3</v>
      </c>
      <c r="L9" s="4">
        <v>1</v>
      </c>
      <c r="M9" s="4">
        <v>0</v>
      </c>
      <c r="N9" s="4">
        <v>0</v>
      </c>
      <c r="O9" s="6">
        <v>3.2532857571626597</v>
      </c>
      <c r="P9" s="5">
        <v>6.99</v>
      </c>
      <c r="Q9" s="5">
        <v>7.78</v>
      </c>
      <c r="R9" s="8" t="s">
        <v>2</v>
      </c>
      <c r="S9" s="8" t="s">
        <v>2</v>
      </c>
      <c r="T9" s="8" t="s">
        <v>2</v>
      </c>
      <c r="U9" s="8" t="s">
        <v>2</v>
      </c>
      <c r="V9" s="8" t="s">
        <v>2</v>
      </c>
      <c r="W9" s="5">
        <v>56.43</v>
      </c>
      <c r="X9" s="5" t="s">
        <v>51</v>
      </c>
      <c r="Y9" s="5" t="s">
        <v>55</v>
      </c>
    </row>
    <row r="10" spans="1:26" x14ac:dyDescent="0.35">
      <c r="A10" s="1" t="s">
        <v>9</v>
      </c>
      <c r="B10" s="4">
        <v>2</v>
      </c>
      <c r="C10" s="4">
        <v>0</v>
      </c>
      <c r="D10" s="4">
        <v>0</v>
      </c>
      <c r="E10" s="4">
        <v>0</v>
      </c>
      <c r="F10" s="4">
        <v>0</v>
      </c>
      <c r="G10" s="4">
        <v>0</v>
      </c>
      <c r="H10" s="4">
        <v>0</v>
      </c>
      <c r="I10" s="4">
        <v>1</v>
      </c>
      <c r="J10" s="4">
        <v>0</v>
      </c>
      <c r="K10" s="4">
        <v>0</v>
      </c>
      <c r="L10" s="4">
        <v>0</v>
      </c>
      <c r="M10" s="4">
        <v>0</v>
      </c>
      <c r="N10" s="4">
        <v>0</v>
      </c>
      <c r="O10" s="7">
        <v>12.363676235086828</v>
      </c>
      <c r="P10" s="5">
        <v>5.19</v>
      </c>
      <c r="Q10" s="5" t="s">
        <v>51</v>
      </c>
      <c r="R10" s="8" t="s">
        <v>2</v>
      </c>
      <c r="S10" s="8" t="s">
        <v>2</v>
      </c>
      <c r="T10" s="8" t="s">
        <v>2</v>
      </c>
      <c r="U10" s="8" t="s">
        <v>2</v>
      </c>
      <c r="V10" s="8" t="s">
        <v>2</v>
      </c>
      <c r="W10" s="5">
        <v>118.58</v>
      </c>
      <c r="X10" s="5" t="s">
        <v>51</v>
      </c>
      <c r="Y10" s="5" t="s">
        <v>55</v>
      </c>
      <c r="Z10" s="1" t="s">
        <v>55</v>
      </c>
    </row>
    <row r="11" spans="1:26" x14ac:dyDescent="0.35">
      <c r="A11" s="1" t="s">
        <v>10</v>
      </c>
      <c r="B11" s="4">
        <v>2</v>
      </c>
      <c r="C11" s="4">
        <v>0</v>
      </c>
      <c r="D11" s="4">
        <v>0</v>
      </c>
      <c r="E11" s="4">
        <v>0</v>
      </c>
      <c r="F11" s="4">
        <v>0</v>
      </c>
      <c r="G11" s="4">
        <v>0</v>
      </c>
      <c r="H11" s="4">
        <v>0</v>
      </c>
      <c r="I11" s="4">
        <v>0</v>
      </c>
      <c r="J11" s="4">
        <v>1</v>
      </c>
      <c r="K11" s="4">
        <v>0</v>
      </c>
      <c r="L11" s="4">
        <v>0</v>
      </c>
      <c r="M11" s="4">
        <v>0</v>
      </c>
      <c r="N11" s="4">
        <v>0</v>
      </c>
      <c r="O11" s="6">
        <v>2.135684728716281</v>
      </c>
      <c r="P11" s="5">
        <v>6.26</v>
      </c>
      <c r="Q11" s="5">
        <v>7.48</v>
      </c>
      <c r="R11" s="8" t="s">
        <v>2</v>
      </c>
      <c r="S11" s="8" t="s">
        <v>2</v>
      </c>
      <c r="T11" s="8" t="s">
        <v>2</v>
      </c>
      <c r="U11" s="8" t="s">
        <v>2</v>
      </c>
      <c r="V11" s="8" t="s">
        <v>2</v>
      </c>
      <c r="W11" s="5" t="s">
        <v>54</v>
      </c>
      <c r="X11" s="5" t="s">
        <v>51</v>
      </c>
      <c r="Y11" s="5" t="s">
        <v>55</v>
      </c>
      <c r="Z11" s="1" t="s">
        <v>55</v>
      </c>
    </row>
    <row r="12" spans="1:26" x14ac:dyDescent="0.35">
      <c r="A12" s="1" t="s">
        <v>11</v>
      </c>
      <c r="B12" s="4">
        <v>2</v>
      </c>
      <c r="C12" s="4">
        <v>0</v>
      </c>
      <c r="D12" s="4">
        <v>0</v>
      </c>
      <c r="E12" s="4">
        <v>0</v>
      </c>
      <c r="F12" s="4">
        <v>1</v>
      </c>
      <c r="G12" s="4">
        <v>1</v>
      </c>
      <c r="H12" s="4">
        <v>0</v>
      </c>
      <c r="I12" s="4">
        <v>0</v>
      </c>
      <c r="J12" s="4">
        <v>0</v>
      </c>
      <c r="K12" s="4">
        <v>0</v>
      </c>
      <c r="L12" s="4">
        <v>0</v>
      </c>
      <c r="M12" s="4">
        <v>0</v>
      </c>
      <c r="N12" s="4">
        <v>0</v>
      </c>
      <c r="O12" s="8">
        <v>0.79883267904250121</v>
      </c>
      <c r="P12" s="5">
        <v>8.5399999999999991</v>
      </c>
      <c r="Q12" s="5">
        <v>6.77</v>
      </c>
      <c r="R12" s="8">
        <v>5.8045799999999996</v>
      </c>
      <c r="S12" s="9">
        <v>1.4861666666666666</v>
      </c>
      <c r="T12" s="7">
        <v>200</v>
      </c>
      <c r="U12" s="9">
        <v>1.2960699999999998</v>
      </c>
      <c r="V12" s="7">
        <v>71.399999999999991</v>
      </c>
      <c r="W12" s="5" t="s">
        <v>51</v>
      </c>
      <c r="X12" s="5">
        <v>-108.56</v>
      </c>
      <c r="Y12" s="5"/>
    </row>
    <row r="13" spans="1:26" x14ac:dyDescent="0.35">
      <c r="A13" s="1" t="s">
        <v>12</v>
      </c>
      <c r="B13" s="4">
        <v>2</v>
      </c>
      <c r="C13" s="4">
        <v>0</v>
      </c>
      <c r="D13" s="4">
        <v>0</v>
      </c>
      <c r="E13" s="4">
        <v>0</v>
      </c>
      <c r="F13" s="4">
        <v>1</v>
      </c>
      <c r="G13" s="4">
        <v>0</v>
      </c>
      <c r="H13" s="4">
        <v>0</v>
      </c>
      <c r="I13" s="4">
        <v>0</v>
      </c>
      <c r="J13" s="4">
        <v>0</v>
      </c>
      <c r="K13" s="4">
        <v>0</v>
      </c>
      <c r="L13" s="4">
        <v>1</v>
      </c>
      <c r="M13" s="4">
        <v>1</v>
      </c>
      <c r="N13" s="4">
        <v>0</v>
      </c>
      <c r="O13" s="7">
        <v>17.630377185554678</v>
      </c>
      <c r="P13" s="5">
        <v>8.08</v>
      </c>
      <c r="Q13" s="5">
        <v>6.11</v>
      </c>
      <c r="R13" s="8">
        <v>0.185</v>
      </c>
      <c r="S13" s="9">
        <v>1.4702333333333335</v>
      </c>
      <c r="T13" s="5" t="s">
        <v>53</v>
      </c>
      <c r="U13" s="9">
        <v>1.0845666666666667</v>
      </c>
      <c r="V13" s="7">
        <v>73.633333333333326</v>
      </c>
      <c r="W13" s="5" t="s">
        <v>51</v>
      </c>
      <c r="X13" s="6">
        <v>-60.4</v>
      </c>
      <c r="Y13" s="5"/>
    </row>
    <row r="14" spans="1:26" x14ac:dyDescent="0.35">
      <c r="A14" s="1" t="s">
        <v>13</v>
      </c>
      <c r="B14" s="4">
        <v>2</v>
      </c>
      <c r="C14" s="4">
        <v>0</v>
      </c>
      <c r="D14" s="4">
        <v>0</v>
      </c>
      <c r="E14" s="4">
        <v>0</v>
      </c>
      <c r="F14" s="4">
        <v>1</v>
      </c>
      <c r="G14" s="4">
        <v>0</v>
      </c>
      <c r="H14" s="4">
        <v>0</v>
      </c>
      <c r="I14" s="4">
        <v>0</v>
      </c>
      <c r="J14" s="4">
        <v>0</v>
      </c>
      <c r="K14" s="4">
        <v>0</v>
      </c>
      <c r="L14" s="4">
        <v>1</v>
      </c>
      <c r="M14" s="4">
        <v>0</v>
      </c>
      <c r="N14" s="4">
        <v>0</v>
      </c>
      <c r="O14" s="6">
        <v>8.8272090293524652</v>
      </c>
      <c r="P14" s="5">
        <v>7.78</v>
      </c>
      <c r="Q14" s="5">
        <v>6.36</v>
      </c>
      <c r="R14" s="8">
        <v>2.9741500000000003</v>
      </c>
      <c r="S14" s="9">
        <v>1.4706000000000001</v>
      </c>
      <c r="T14" s="7">
        <v>249.66666666666666</v>
      </c>
      <c r="U14" s="9">
        <v>1.1831166666666666</v>
      </c>
      <c r="V14" s="7">
        <v>68.7</v>
      </c>
      <c r="W14" s="5" t="s">
        <v>51</v>
      </c>
      <c r="X14" s="5">
        <v>-83.49</v>
      </c>
      <c r="Y14" s="5"/>
    </row>
    <row r="15" spans="1:26" x14ac:dyDescent="0.35">
      <c r="A15" s="1" t="s">
        <v>14</v>
      </c>
      <c r="B15" s="4">
        <v>2</v>
      </c>
      <c r="C15" s="4">
        <v>0</v>
      </c>
      <c r="D15" s="4">
        <v>0</v>
      </c>
      <c r="E15" s="4">
        <v>0</v>
      </c>
      <c r="F15" s="4">
        <v>1</v>
      </c>
      <c r="G15" s="4">
        <v>0</v>
      </c>
      <c r="H15" s="4">
        <v>0</v>
      </c>
      <c r="I15" s="4">
        <v>0</v>
      </c>
      <c r="J15" s="4">
        <v>0</v>
      </c>
      <c r="K15" s="4">
        <v>0</v>
      </c>
      <c r="L15" s="4">
        <v>1</v>
      </c>
      <c r="M15" s="4">
        <v>1</v>
      </c>
      <c r="N15" s="4">
        <v>1</v>
      </c>
      <c r="O15" s="7">
        <v>10.922397057875825</v>
      </c>
      <c r="P15" s="5">
        <v>8.51</v>
      </c>
      <c r="Q15" s="5">
        <v>7.71</v>
      </c>
      <c r="R15" s="8" t="s">
        <v>2</v>
      </c>
      <c r="S15" s="8" t="s">
        <v>2</v>
      </c>
      <c r="T15" s="8" t="s">
        <v>2</v>
      </c>
      <c r="U15" s="8" t="s">
        <v>2</v>
      </c>
      <c r="V15" s="8" t="s">
        <v>2</v>
      </c>
      <c r="W15" s="6">
        <v>91</v>
      </c>
      <c r="X15" s="5" t="s">
        <v>51</v>
      </c>
      <c r="Y15" s="5" t="s">
        <v>55</v>
      </c>
      <c r="Z15" s="1" t="s">
        <v>55</v>
      </c>
    </row>
    <row r="16" spans="1:26" x14ac:dyDescent="0.35">
      <c r="A16" s="1" t="s">
        <v>15</v>
      </c>
      <c r="B16" s="4">
        <v>2</v>
      </c>
      <c r="C16" s="4">
        <v>0</v>
      </c>
      <c r="D16" s="4">
        <v>0</v>
      </c>
      <c r="E16" s="4">
        <v>0</v>
      </c>
      <c r="F16" s="4">
        <v>1</v>
      </c>
      <c r="G16" s="4">
        <v>0</v>
      </c>
      <c r="H16" s="4">
        <v>0</v>
      </c>
      <c r="I16" s="4">
        <v>0</v>
      </c>
      <c r="J16" s="4">
        <v>0</v>
      </c>
      <c r="K16" s="4">
        <v>0</v>
      </c>
      <c r="L16" s="4">
        <v>1</v>
      </c>
      <c r="M16" s="4">
        <v>2</v>
      </c>
      <c r="N16" s="4">
        <v>1</v>
      </c>
      <c r="O16" s="7">
        <v>11.508290528184499</v>
      </c>
      <c r="P16" s="5">
        <v>6.96</v>
      </c>
      <c r="Q16" s="5">
        <v>7.69</v>
      </c>
      <c r="R16" s="8">
        <v>4.4033333333333334E-2</v>
      </c>
      <c r="S16" s="9">
        <v>1.4842000000000002</v>
      </c>
      <c r="T16" s="5" t="s">
        <v>53</v>
      </c>
      <c r="U16" s="9">
        <v>1.1462666666666665</v>
      </c>
      <c r="V16" s="7">
        <v>97.033333333333346</v>
      </c>
      <c r="W16" s="5" t="s">
        <v>51</v>
      </c>
      <c r="X16" s="5">
        <v>-50.76</v>
      </c>
      <c r="Y16" s="5"/>
    </row>
    <row r="17" spans="1:26" x14ac:dyDescent="0.35">
      <c r="A17" s="1" t="s">
        <v>16</v>
      </c>
      <c r="B17" s="4">
        <v>2</v>
      </c>
      <c r="C17" s="4">
        <v>0</v>
      </c>
      <c r="D17" s="4">
        <v>0</v>
      </c>
      <c r="E17" s="4">
        <v>0</v>
      </c>
      <c r="F17" s="4">
        <v>1</v>
      </c>
      <c r="G17" s="4">
        <v>0</v>
      </c>
      <c r="H17" s="4">
        <v>1</v>
      </c>
      <c r="I17" s="4">
        <v>0</v>
      </c>
      <c r="J17" s="4">
        <v>0</v>
      </c>
      <c r="K17" s="4">
        <v>0</v>
      </c>
      <c r="L17" s="4">
        <v>0</v>
      </c>
      <c r="M17" s="4">
        <v>1</v>
      </c>
      <c r="N17" s="4">
        <v>0</v>
      </c>
      <c r="O17" s="6">
        <v>2.9922995421676828</v>
      </c>
      <c r="P17" s="5">
        <v>5.92</v>
      </c>
      <c r="Q17" s="5">
        <v>7.71</v>
      </c>
      <c r="R17" s="8" t="s">
        <v>2</v>
      </c>
      <c r="S17" s="8" t="s">
        <v>2</v>
      </c>
      <c r="T17" s="8" t="s">
        <v>2</v>
      </c>
      <c r="U17" s="8" t="s">
        <v>2</v>
      </c>
      <c r="V17" s="8" t="s">
        <v>2</v>
      </c>
      <c r="W17" s="6">
        <v>100.1</v>
      </c>
      <c r="X17" s="5" t="s">
        <v>51</v>
      </c>
      <c r="Y17" s="5" t="s">
        <v>55</v>
      </c>
      <c r="Z17" s="1" t="s">
        <v>55</v>
      </c>
    </row>
    <row r="18" spans="1:26" x14ac:dyDescent="0.35">
      <c r="A18" s="1" t="s">
        <v>17</v>
      </c>
      <c r="B18" s="4">
        <v>2</v>
      </c>
      <c r="C18" s="4">
        <v>0</v>
      </c>
      <c r="D18" s="4">
        <v>0</v>
      </c>
      <c r="E18" s="4">
        <v>0</v>
      </c>
      <c r="F18" s="4">
        <v>1</v>
      </c>
      <c r="G18" s="4">
        <v>0</v>
      </c>
      <c r="H18" s="4">
        <v>0</v>
      </c>
      <c r="I18" s="4">
        <v>0</v>
      </c>
      <c r="J18" s="4">
        <v>0</v>
      </c>
      <c r="K18" s="4">
        <v>0</v>
      </c>
      <c r="L18" s="4">
        <v>1</v>
      </c>
      <c r="M18" s="4">
        <v>2</v>
      </c>
      <c r="N18" s="4">
        <v>0</v>
      </c>
      <c r="O18" s="6">
        <v>1.4696727528114615</v>
      </c>
      <c r="P18" s="5">
        <v>8.48</v>
      </c>
      <c r="Q18" s="5">
        <v>5.42</v>
      </c>
      <c r="R18" s="8">
        <v>0.22379999999999997</v>
      </c>
      <c r="S18" s="9">
        <v>1.4694666666666667</v>
      </c>
      <c r="T18" s="5" t="s">
        <v>53</v>
      </c>
      <c r="U18" s="9">
        <v>1.0422666666666667</v>
      </c>
      <c r="V18" s="7">
        <v>62.333333333333336</v>
      </c>
      <c r="W18" s="5" t="s">
        <v>51</v>
      </c>
      <c r="X18" s="5">
        <v>-72.349999999999994</v>
      </c>
      <c r="Y18" s="5" t="s">
        <v>55</v>
      </c>
      <c r="Z18" s="1" t="s">
        <v>55</v>
      </c>
    </row>
    <row r="19" spans="1:26" x14ac:dyDescent="0.35">
      <c r="A19" s="1" t="s">
        <v>18</v>
      </c>
      <c r="B19" s="4">
        <v>2</v>
      </c>
      <c r="C19" s="4">
        <v>0</v>
      </c>
      <c r="D19" s="4">
        <v>0</v>
      </c>
      <c r="E19" s="4">
        <v>0</v>
      </c>
      <c r="F19" s="4">
        <v>1</v>
      </c>
      <c r="G19" s="4">
        <v>0</v>
      </c>
      <c r="H19" s="4">
        <v>0</v>
      </c>
      <c r="I19" s="4">
        <v>0</v>
      </c>
      <c r="J19" s="4">
        <v>0</v>
      </c>
      <c r="K19" s="4">
        <v>0</v>
      </c>
      <c r="L19" s="4">
        <v>1</v>
      </c>
      <c r="M19" s="4">
        <v>5</v>
      </c>
      <c r="N19" s="4">
        <v>0</v>
      </c>
      <c r="O19" s="7">
        <v>10.052978935800736</v>
      </c>
      <c r="P19" s="5">
        <v>7.84</v>
      </c>
      <c r="Q19" s="5">
        <v>5.87</v>
      </c>
      <c r="R19" s="8" t="s">
        <v>2</v>
      </c>
      <c r="S19" s="8" t="s">
        <v>2</v>
      </c>
      <c r="T19" s="8" t="s">
        <v>2</v>
      </c>
      <c r="U19" s="8" t="s">
        <v>2</v>
      </c>
      <c r="V19" s="8" t="s">
        <v>2</v>
      </c>
      <c r="W19" s="5">
        <v>39.909999999999997</v>
      </c>
      <c r="X19" s="5" t="s">
        <v>51</v>
      </c>
      <c r="Y19" s="5" t="s">
        <v>55</v>
      </c>
      <c r="Z19" s="2">
        <v>17.260842279480389</v>
      </c>
    </row>
    <row r="20" spans="1:26" x14ac:dyDescent="0.35">
      <c r="A20" s="1" t="s">
        <v>19</v>
      </c>
      <c r="B20" s="4">
        <v>2</v>
      </c>
      <c r="C20" s="4">
        <v>0</v>
      </c>
      <c r="D20" s="4">
        <v>0</v>
      </c>
      <c r="E20" s="4">
        <v>0</v>
      </c>
      <c r="F20" s="4">
        <v>1</v>
      </c>
      <c r="G20" s="4">
        <v>0</v>
      </c>
      <c r="H20" s="4">
        <v>0</v>
      </c>
      <c r="I20" s="4">
        <v>1</v>
      </c>
      <c r="J20" s="4">
        <v>0</v>
      </c>
      <c r="K20" s="4">
        <v>0</v>
      </c>
      <c r="L20" s="4">
        <v>0</v>
      </c>
      <c r="M20" s="4">
        <v>0</v>
      </c>
      <c r="N20" s="4">
        <v>0</v>
      </c>
      <c r="O20" s="8">
        <v>0.41674920461815568</v>
      </c>
      <c r="P20" s="5">
        <v>4.12</v>
      </c>
      <c r="Q20" s="5">
        <v>6.8</v>
      </c>
      <c r="R20" s="8" t="s">
        <v>2</v>
      </c>
      <c r="S20" s="8" t="s">
        <v>2</v>
      </c>
      <c r="T20" s="8" t="s">
        <v>2</v>
      </c>
      <c r="U20" s="8" t="s">
        <v>2</v>
      </c>
      <c r="V20" s="8" t="s">
        <v>2</v>
      </c>
      <c r="W20" s="5">
        <v>82.14</v>
      </c>
      <c r="X20" s="5" t="s">
        <v>51</v>
      </c>
      <c r="Y20" s="5" t="s">
        <v>55</v>
      </c>
      <c r="Z20" s="1" t="s">
        <v>55</v>
      </c>
    </row>
    <row r="21" spans="1:26" x14ac:dyDescent="0.35">
      <c r="A21" s="1" t="s">
        <v>20</v>
      </c>
      <c r="B21" s="4">
        <v>3</v>
      </c>
      <c r="C21" s="4">
        <v>0</v>
      </c>
      <c r="D21" s="4">
        <v>0</v>
      </c>
      <c r="E21" s="4">
        <v>0</v>
      </c>
      <c r="F21" s="4">
        <v>0</v>
      </c>
      <c r="G21" s="4">
        <v>1</v>
      </c>
      <c r="H21" s="4">
        <v>0</v>
      </c>
      <c r="I21" s="4">
        <v>0</v>
      </c>
      <c r="J21" s="4">
        <v>0</v>
      </c>
      <c r="K21" s="4">
        <v>0</v>
      </c>
      <c r="L21" s="4">
        <v>0</v>
      </c>
      <c r="M21" s="4">
        <v>0</v>
      </c>
      <c r="N21" s="4">
        <v>0</v>
      </c>
      <c r="O21" s="8">
        <v>0.25949497390397569</v>
      </c>
      <c r="P21" s="5">
        <v>5.64</v>
      </c>
      <c r="Q21" s="5">
        <v>7.75</v>
      </c>
      <c r="R21" s="8">
        <v>7.3431249999999997</v>
      </c>
      <c r="S21" s="9">
        <v>1.4561999999999999</v>
      </c>
      <c r="T21" s="7">
        <v>114.66666666666667</v>
      </c>
      <c r="U21" s="9">
        <v>1.0782166666666666</v>
      </c>
      <c r="V21" s="7">
        <v>42.4</v>
      </c>
      <c r="W21" s="5">
        <v>-6.71</v>
      </c>
      <c r="X21" s="5">
        <v>-87.21</v>
      </c>
      <c r="Y21" s="9">
        <v>12.110145350762792</v>
      </c>
      <c r="Z21" s="2">
        <v>11.882783096791513</v>
      </c>
    </row>
    <row r="22" spans="1:26" x14ac:dyDescent="0.35">
      <c r="A22" s="1" t="s">
        <v>21</v>
      </c>
      <c r="B22" s="4">
        <v>3</v>
      </c>
      <c r="C22" s="4">
        <v>0</v>
      </c>
      <c r="D22" s="4">
        <v>0</v>
      </c>
      <c r="E22" s="4">
        <v>0</v>
      </c>
      <c r="F22" s="4">
        <v>0</v>
      </c>
      <c r="G22" s="4">
        <v>0</v>
      </c>
      <c r="H22" s="4">
        <v>0</v>
      </c>
      <c r="I22" s="4">
        <v>0</v>
      </c>
      <c r="J22" s="4">
        <v>0</v>
      </c>
      <c r="K22" s="4">
        <v>0</v>
      </c>
      <c r="L22" s="4">
        <v>1</v>
      </c>
      <c r="M22" s="4">
        <v>1</v>
      </c>
      <c r="N22" s="4">
        <v>0</v>
      </c>
      <c r="O22" s="6">
        <v>2.9904720896776147</v>
      </c>
      <c r="P22" s="5">
        <v>5.87</v>
      </c>
      <c r="Q22" s="5">
        <v>7.57</v>
      </c>
      <c r="R22" s="8">
        <v>0.29460000000000003</v>
      </c>
      <c r="S22" s="9">
        <v>1.4427333333333332</v>
      </c>
      <c r="T22" s="7">
        <v>662.66666666666663</v>
      </c>
      <c r="U22" s="9">
        <v>0.92864999999999998</v>
      </c>
      <c r="V22" s="7">
        <v>42.800000000000004</v>
      </c>
      <c r="W22" s="5" t="s">
        <v>51</v>
      </c>
      <c r="X22" s="5">
        <v>-76.510000000000005</v>
      </c>
      <c r="Y22" s="9">
        <v>9.8695495569893374</v>
      </c>
      <c r="Z22" s="2">
        <v>9.8695495569893374</v>
      </c>
    </row>
    <row r="23" spans="1:26" x14ac:dyDescent="0.35">
      <c r="A23" s="1" t="s">
        <v>22</v>
      </c>
      <c r="B23" s="4">
        <v>3</v>
      </c>
      <c r="C23" s="4">
        <v>0</v>
      </c>
      <c r="D23" s="4">
        <v>0</v>
      </c>
      <c r="E23" s="4">
        <v>0</v>
      </c>
      <c r="F23" s="4">
        <v>0</v>
      </c>
      <c r="G23" s="4">
        <v>0</v>
      </c>
      <c r="H23" s="4">
        <v>0</v>
      </c>
      <c r="I23" s="4">
        <v>0</v>
      </c>
      <c r="J23" s="4">
        <v>0</v>
      </c>
      <c r="K23" s="4">
        <v>0</v>
      </c>
      <c r="L23" s="4">
        <v>1</v>
      </c>
      <c r="M23" s="4">
        <v>0</v>
      </c>
      <c r="N23" s="4">
        <v>0</v>
      </c>
      <c r="O23" s="6">
        <v>3.6607606578261405</v>
      </c>
      <c r="P23" s="5">
        <v>4.28</v>
      </c>
      <c r="Q23" s="5">
        <v>7.98</v>
      </c>
      <c r="R23" s="8">
        <v>5.3778333333333332</v>
      </c>
      <c r="S23" s="9">
        <v>1.4377333333333333</v>
      </c>
      <c r="T23" s="7">
        <v>77</v>
      </c>
      <c r="U23" s="9">
        <v>0.94627833333333333</v>
      </c>
      <c r="V23" s="7">
        <v>40.266666666666666</v>
      </c>
      <c r="W23" s="5" t="s">
        <v>51</v>
      </c>
      <c r="X23" s="6">
        <v>-100.5</v>
      </c>
      <c r="Y23" s="9">
        <v>10.968438480448032</v>
      </c>
      <c r="Z23" s="2">
        <v>10.947396873927525</v>
      </c>
    </row>
    <row r="24" spans="1:26" x14ac:dyDescent="0.35">
      <c r="A24" s="1" t="s">
        <v>23</v>
      </c>
      <c r="B24" s="4">
        <v>3</v>
      </c>
      <c r="C24" s="4">
        <v>0</v>
      </c>
      <c r="D24" s="4">
        <v>0</v>
      </c>
      <c r="E24" s="4">
        <v>0</v>
      </c>
      <c r="F24" s="4">
        <v>0</v>
      </c>
      <c r="G24" s="4">
        <v>0</v>
      </c>
      <c r="H24" s="4">
        <v>0</v>
      </c>
      <c r="I24" s="4">
        <v>0</v>
      </c>
      <c r="J24" s="4">
        <v>0</v>
      </c>
      <c r="K24" s="4">
        <v>0</v>
      </c>
      <c r="L24" s="4">
        <v>1</v>
      </c>
      <c r="M24" s="4">
        <v>1</v>
      </c>
      <c r="N24" s="4">
        <v>1</v>
      </c>
      <c r="O24" s="6">
        <v>8.8359315856467031</v>
      </c>
      <c r="P24" s="5">
        <v>4.83</v>
      </c>
      <c r="Q24" s="5">
        <v>7.75</v>
      </c>
      <c r="R24" s="8">
        <v>0.10616666666666667</v>
      </c>
      <c r="S24" s="9">
        <v>1.468333333333333</v>
      </c>
      <c r="T24" s="5" t="s">
        <v>53</v>
      </c>
      <c r="U24" s="9">
        <v>1.0568333333333333</v>
      </c>
      <c r="V24" s="7">
        <v>63.5</v>
      </c>
      <c r="W24" s="5" t="s">
        <v>51</v>
      </c>
      <c r="X24" s="5">
        <v>-51.48</v>
      </c>
      <c r="Y24" s="9">
        <v>12.704709913762347</v>
      </c>
      <c r="Z24" s="2">
        <v>12.84814429473863</v>
      </c>
    </row>
    <row r="25" spans="1:26" x14ac:dyDescent="0.35">
      <c r="A25" s="1" t="s">
        <v>24</v>
      </c>
      <c r="B25" s="4">
        <v>3</v>
      </c>
      <c r="C25" s="4">
        <v>0</v>
      </c>
      <c r="D25" s="4">
        <v>0</v>
      </c>
      <c r="E25" s="4">
        <v>0</v>
      </c>
      <c r="F25" s="4">
        <v>0</v>
      </c>
      <c r="G25" s="4">
        <v>0</v>
      </c>
      <c r="H25" s="4">
        <v>0</v>
      </c>
      <c r="I25" s="4">
        <v>0</v>
      </c>
      <c r="J25" s="4">
        <v>0</v>
      </c>
      <c r="K25" s="4">
        <v>0</v>
      </c>
      <c r="L25" s="4">
        <v>1</v>
      </c>
      <c r="M25" s="4">
        <v>2</v>
      </c>
      <c r="N25" s="4">
        <v>1</v>
      </c>
      <c r="O25" s="7">
        <v>10.251011895916665</v>
      </c>
      <c r="P25" s="5">
        <v>5.21</v>
      </c>
      <c r="Q25" s="5">
        <v>7.7</v>
      </c>
      <c r="R25" s="8">
        <v>6.4466666666666658E-2</v>
      </c>
      <c r="S25" s="9">
        <v>1.4605666666666668</v>
      </c>
      <c r="T25" s="5" t="s">
        <v>53</v>
      </c>
      <c r="U25" s="9">
        <v>1.0343333333333333</v>
      </c>
      <c r="V25" s="7">
        <v>56.266666666666673</v>
      </c>
      <c r="W25" s="5" t="s">
        <v>51</v>
      </c>
      <c r="X25" s="5">
        <v>-42.93</v>
      </c>
      <c r="Y25" s="9">
        <v>10.864040443780606</v>
      </c>
      <c r="Z25" s="2">
        <v>10.822841760129709</v>
      </c>
    </row>
    <row r="26" spans="1:26" x14ac:dyDescent="0.35">
      <c r="A26" s="1" t="s">
        <v>25</v>
      </c>
      <c r="B26" s="4">
        <v>3</v>
      </c>
      <c r="C26" s="4">
        <v>0</v>
      </c>
      <c r="D26" s="4">
        <v>0</v>
      </c>
      <c r="E26" s="4">
        <v>0</v>
      </c>
      <c r="F26" s="4">
        <v>0</v>
      </c>
      <c r="G26" s="4">
        <v>0</v>
      </c>
      <c r="H26" s="4">
        <v>1</v>
      </c>
      <c r="I26" s="4">
        <v>0</v>
      </c>
      <c r="J26" s="4">
        <v>0</v>
      </c>
      <c r="K26" s="4">
        <v>0</v>
      </c>
      <c r="L26" s="4">
        <v>0</v>
      </c>
      <c r="M26" s="4">
        <v>1</v>
      </c>
      <c r="N26" s="4">
        <v>0</v>
      </c>
      <c r="O26" s="7">
        <v>15.061470788893208</v>
      </c>
      <c r="P26" s="5">
        <v>5.55</v>
      </c>
      <c r="Q26" s="5">
        <v>7.66</v>
      </c>
      <c r="R26" s="8" t="s">
        <v>2</v>
      </c>
      <c r="S26" s="8" t="s">
        <v>2</v>
      </c>
      <c r="T26" s="8" t="s">
        <v>2</v>
      </c>
      <c r="U26" s="8" t="s">
        <v>2</v>
      </c>
      <c r="V26" s="8" t="s">
        <v>2</v>
      </c>
      <c r="W26" s="6">
        <v>109.3</v>
      </c>
      <c r="X26" s="5" t="s">
        <v>51</v>
      </c>
      <c r="Y26" s="5" t="s">
        <v>55</v>
      </c>
      <c r="Z26" s="1" t="s">
        <v>55</v>
      </c>
    </row>
    <row r="27" spans="1:26" x14ac:dyDescent="0.35">
      <c r="A27" s="1" t="s">
        <v>26</v>
      </c>
      <c r="B27" s="4">
        <v>4</v>
      </c>
      <c r="C27" s="4">
        <v>0</v>
      </c>
      <c r="D27" s="4">
        <v>0</v>
      </c>
      <c r="E27" s="4">
        <v>0</v>
      </c>
      <c r="F27" s="4">
        <v>0</v>
      </c>
      <c r="G27" s="4">
        <v>1</v>
      </c>
      <c r="H27" s="4">
        <v>0</v>
      </c>
      <c r="I27" s="4">
        <v>0</v>
      </c>
      <c r="J27" s="4">
        <v>0</v>
      </c>
      <c r="K27" s="4">
        <v>0</v>
      </c>
      <c r="L27" s="4">
        <v>0</v>
      </c>
      <c r="M27" s="4">
        <v>0</v>
      </c>
      <c r="N27" s="4">
        <v>0</v>
      </c>
      <c r="O27" s="6">
        <v>1.0641535426493935</v>
      </c>
      <c r="P27" s="5">
        <v>7.15</v>
      </c>
      <c r="Q27" s="5">
        <v>7.65</v>
      </c>
      <c r="R27" s="8">
        <v>4.1307</v>
      </c>
      <c r="S27" s="9">
        <v>1.4564999999999999</v>
      </c>
      <c r="T27" s="7">
        <v>125</v>
      </c>
      <c r="U27" s="9">
        <v>1.0381166666666666</v>
      </c>
      <c r="V27" s="7">
        <v>38.033333333333331</v>
      </c>
      <c r="W27" s="5">
        <v>36.520000000000003</v>
      </c>
      <c r="X27" s="5" t="s">
        <v>51</v>
      </c>
      <c r="Y27" s="9">
        <v>14.195472573474001</v>
      </c>
      <c r="Z27" s="2">
        <v>14.160093371330422</v>
      </c>
    </row>
    <row r="28" spans="1:26" x14ac:dyDescent="0.35">
      <c r="A28" s="1" t="s">
        <v>27</v>
      </c>
      <c r="B28" s="4">
        <v>4</v>
      </c>
      <c r="C28" s="4">
        <v>0</v>
      </c>
      <c r="D28" s="4">
        <v>0</v>
      </c>
      <c r="E28" s="4">
        <v>0</v>
      </c>
      <c r="F28" s="4">
        <v>0</v>
      </c>
      <c r="G28" s="4">
        <v>0</v>
      </c>
      <c r="H28" s="4">
        <v>0</v>
      </c>
      <c r="I28" s="4">
        <v>0</v>
      </c>
      <c r="J28" s="4">
        <v>0</v>
      </c>
      <c r="K28" s="4">
        <v>0</v>
      </c>
      <c r="L28" s="4">
        <v>1</v>
      </c>
      <c r="M28" s="4">
        <v>0</v>
      </c>
      <c r="N28" s="4">
        <v>0</v>
      </c>
      <c r="O28" s="7">
        <v>11.374351044791672</v>
      </c>
      <c r="P28" s="5">
        <v>5.24</v>
      </c>
      <c r="Q28" s="5">
        <v>7.59</v>
      </c>
      <c r="R28" s="8">
        <v>2.6599166666666667</v>
      </c>
      <c r="S28" s="9">
        <v>1.4420333333333331</v>
      </c>
      <c r="T28" s="7">
        <v>126.33333333333333</v>
      </c>
      <c r="U28" s="9">
        <v>0.94921333333333346</v>
      </c>
      <c r="V28" s="7">
        <v>38.333333333333336</v>
      </c>
      <c r="W28" s="5" t="s">
        <v>51</v>
      </c>
      <c r="X28" s="5">
        <v>-93.29</v>
      </c>
      <c r="Y28" s="9">
        <v>13.298726425071838</v>
      </c>
      <c r="Z28" s="2">
        <v>13.298726425071838</v>
      </c>
    </row>
    <row r="29" spans="1:26" x14ac:dyDescent="0.35">
      <c r="A29" s="1" t="s">
        <v>28</v>
      </c>
      <c r="B29" s="4">
        <v>4</v>
      </c>
      <c r="C29" s="4">
        <v>0</v>
      </c>
      <c r="D29" s="4">
        <v>0</v>
      </c>
      <c r="E29" s="4">
        <v>0</v>
      </c>
      <c r="F29" s="4">
        <v>0</v>
      </c>
      <c r="G29" s="4">
        <v>0</v>
      </c>
      <c r="H29" s="4">
        <v>0</v>
      </c>
      <c r="I29" s="4">
        <v>0</v>
      </c>
      <c r="J29" s="4">
        <v>0</v>
      </c>
      <c r="K29" s="4">
        <v>0</v>
      </c>
      <c r="L29" s="4">
        <v>1</v>
      </c>
      <c r="M29" s="4">
        <v>2</v>
      </c>
      <c r="N29" s="4">
        <v>1</v>
      </c>
      <c r="O29" s="7">
        <v>15.536790086638449</v>
      </c>
      <c r="P29" s="5">
        <v>5.23</v>
      </c>
      <c r="Q29" s="5">
        <v>7.66</v>
      </c>
      <c r="R29" s="8">
        <v>8.2766666666666669E-2</v>
      </c>
      <c r="S29" s="9">
        <v>1.4588333333333334</v>
      </c>
      <c r="T29" s="5" t="s">
        <v>53</v>
      </c>
      <c r="U29" s="9">
        <v>0.98416666666666663</v>
      </c>
      <c r="V29" s="7">
        <v>54.033333333333339</v>
      </c>
      <c r="W29" s="5" t="s">
        <v>51</v>
      </c>
      <c r="X29" s="5">
        <v>-46.93</v>
      </c>
      <c r="Y29" s="9">
        <v>12.733138051394857</v>
      </c>
      <c r="Z29" s="2">
        <v>12.64823606935334</v>
      </c>
    </row>
    <row r="30" spans="1:26" x14ac:dyDescent="0.35">
      <c r="A30" s="1" t="s">
        <v>29</v>
      </c>
      <c r="B30" s="4">
        <v>4</v>
      </c>
      <c r="C30" s="4">
        <v>0</v>
      </c>
      <c r="D30" s="4">
        <v>0</v>
      </c>
      <c r="E30" s="4">
        <v>0</v>
      </c>
      <c r="F30" s="4">
        <v>0</v>
      </c>
      <c r="G30" s="4">
        <v>0</v>
      </c>
      <c r="H30" s="4">
        <v>0</v>
      </c>
      <c r="I30" s="4">
        <v>0</v>
      </c>
      <c r="J30" s="4">
        <v>0</v>
      </c>
      <c r="K30" s="4">
        <v>0</v>
      </c>
      <c r="L30" s="4">
        <v>1</v>
      </c>
      <c r="M30" s="4">
        <v>1</v>
      </c>
      <c r="N30" s="4">
        <v>0</v>
      </c>
      <c r="O30" s="6">
        <v>8.7858042873962496</v>
      </c>
      <c r="P30" s="5">
        <v>7.92</v>
      </c>
      <c r="Q30" s="5" t="s">
        <v>51</v>
      </c>
      <c r="R30" s="8" t="s">
        <v>2</v>
      </c>
      <c r="S30" s="8" t="s">
        <v>2</v>
      </c>
      <c r="T30" s="8" t="s">
        <v>2</v>
      </c>
      <c r="U30" s="8" t="s">
        <v>2</v>
      </c>
      <c r="V30" s="8" t="s">
        <v>2</v>
      </c>
      <c r="W30" s="5">
        <v>43.82</v>
      </c>
      <c r="X30" s="5">
        <v>-92.85</v>
      </c>
      <c r="Y30" s="5" t="s">
        <v>55</v>
      </c>
      <c r="Z30" s="2">
        <v>13.392691939249543</v>
      </c>
    </row>
    <row r="31" spans="1:26" x14ac:dyDescent="0.35">
      <c r="A31" s="1" t="s">
        <v>30</v>
      </c>
      <c r="B31" s="4">
        <v>4</v>
      </c>
      <c r="C31" s="4">
        <v>0</v>
      </c>
      <c r="D31" s="4">
        <v>0</v>
      </c>
      <c r="E31" s="4">
        <v>0</v>
      </c>
      <c r="F31" s="4">
        <v>0</v>
      </c>
      <c r="G31" s="4">
        <v>0</v>
      </c>
      <c r="H31" s="4">
        <v>0</v>
      </c>
      <c r="I31" s="4">
        <v>0</v>
      </c>
      <c r="J31" s="4">
        <v>0</v>
      </c>
      <c r="K31" s="4">
        <v>0</v>
      </c>
      <c r="L31" s="4">
        <v>1</v>
      </c>
      <c r="M31" s="4">
        <v>1</v>
      </c>
      <c r="N31" s="4">
        <v>1</v>
      </c>
      <c r="O31" s="6">
        <v>2.9887756847060936</v>
      </c>
      <c r="P31" s="6">
        <v>5.7</v>
      </c>
      <c r="Q31" s="5">
        <v>7.72</v>
      </c>
      <c r="R31" s="8">
        <v>9.6250000000000002E-2</v>
      </c>
      <c r="S31" s="9">
        <v>1.4658666666666669</v>
      </c>
      <c r="T31" s="5" t="s">
        <v>53</v>
      </c>
      <c r="U31" s="9">
        <v>1.0456666666666667</v>
      </c>
      <c r="V31" s="7">
        <v>54.4</v>
      </c>
      <c r="W31" s="5" t="s">
        <v>51</v>
      </c>
      <c r="X31" s="6">
        <v>-56.5</v>
      </c>
      <c r="Y31" s="9">
        <v>14.160093371330422</v>
      </c>
      <c r="Z31" s="2">
        <v>14.124891033668934</v>
      </c>
    </row>
    <row r="32" spans="1:26" x14ac:dyDescent="0.35">
      <c r="A32" s="1" t="s">
        <v>31</v>
      </c>
      <c r="B32" s="4">
        <v>4</v>
      </c>
      <c r="C32" s="4">
        <v>0</v>
      </c>
      <c r="D32" s="4">
        <v>0</v>
      </c>
      <c r="E32" s="4">
        <v>0</v>
      </c>
      <c r="F32" s="4">
        <v>0</v>
      </c>
      <c r="G32" s="4">
        <v>0</v>
      </c>
      <c r="H32" s="4">
        <v>1</v>
      </c>
      <c r="I32" s="4">
        <v>0</v>
      </c>
      <c r="J32" s="4">
        <v>0</v>
      </c>
      <c r="K32" s="4">
        <v>0</v>
      </c>
      <c r="L32" s="4">
        <v>0</v>
      </c>
      <c r="M32" s="4">
        <v>1</v>
      </c>
      <c r="N32" s="4">
        <v>0</v>
      </c>
      <c r="O32" s="7">
        <v>14.365384782893035</v>
      </c>
      <c r="P32" s="5">
        <v>5.23</v>
      </c>
      <c r="Q32" s="5">
        <v>7.65</v>
      </c>
      <c r="R32" s="8" t="s">
        <v>2</v>
      </c>
      <c r="S32" s="8" t="s">
        <v>2</v>
      </c>
      <c r="T32" s="8" t="s">
        <v>2</v>
      </c>
      <c r="U32" s="8" t="s">
        <v>2</v>
      </c>
      <c r="V32" s="8" t="s">
        <v>2</v>
      </c>
      <c r="W32" s="5">
        <v>136.24</v>
      </c>
      <c r="X32" s="5" t="s">
        <v>51</v>
      </c>
      <c r="Y32" s="5" t="s">
        <v>55</v>
      </c>
      <c r="Z32" s="1" t="s">
        <v>55</v>
      </c>
    </row>
    <row r="33" spans="1:26" x14ac:dyDescent="0.35">
      <c r="A33" s="1" t="s">
        <v>32</v>
      </c>
      <c r="B33" s="4">
        <v>5</v>
      </c>
      <c r="C33" s="4">
        <v>0</v>
      </c>
      <c r="D33" s="4">
        <v>0</v>
      </c>
      <c r="E33" s="4">
        <v>0</v>
      </c>
      <c r="F33" s="4">
        <v>0</v>
      </c>
      <c r="G33" s="4">
        <v>1</v>
      </c>
      <c r="H33" s="4">
        <v>0</v>
      </c>
      <c r="I33" s="4">
        <v>0</v>
      </c>
      <c r="J33" s="4">
        <v>0</v>
      </c>
      <c r="K33" s="4">
        <v>0</v>
      </c>
      <c r="L33" s="4">
        <v>0</v>
      </c>
      <c r="M33" s="4">
        <v>0</v>
      </c>
      <c r="N33" s="4">
        <v>0</v>
      </c>
      <c r="O33" s="6">
        <v>2.7753944746062933</v>
      </c>
      <c r="P33" s="5">
        <v>8.8699999999999992</v>
      </c>
      <c r="Q33" s="5">
        <v>6.61</v>
      </c>
      <c r="R33" s="8" t="s">
        <v>2</v>
      </c>
      <c r="S33" s="8" t="s">
        <v>2</v>
      </c>
      <c r="T33" s="8" t="s">
        <v>2</v>
      </c>
      <c r="U33" s="8" t="s">
        <v>2</v>
      </c>
      <c r="V33" s="8" t="s">
        <v>2</v>
      </c>
      <c r="W33" s="5">
        <v>34.369999999999997</v>
      </c>
      <c r="X33" s="5" t="s">
        <v>51</v>
      </c>
      <c r="Y33" s="9">
        <v>16.040385008892503</v>
      </c>
      <c r="Z33" s="2">
        <v>15.950196104909914</v>
      </c>
    </row>
    <row r="34" spans="1:26" x14ac:dyDescent="0.35">
      <c r="A34" s="1" t="s">
        <v>33</v>
      </c>
      <c r="B34" s="4">
        <v>5</v>
      </c>
      <c r="C34" s="4">
        <v>0</v>
      </c>
      <c r="D34" s="4">
        <v>0</v>
      </c>
      <c r="E34" s="4">
        <v>0</v>
      </c>
      <c r="F34" s="4">
        <v>0</v>
      </c>
      <c r="G34" s="4">
        <v>0</v>
      </c>
      <c r="H34" s="4">
        <v>0</v>
      </c>
      <c r="I34" s="4">
        <v>0</v>
      </c>
      <c r="J34" s="4">
        <v>0</v>
      </c>
      <c r="K34" s="4">
        <v>0</v>
      </c>
      <c r="L34" s="4">
        <v>1</v>
      </c>
      <c r="M34" s="4">
        <v>1</v>
      </c>
      <c r="N34" s="4">
        <v>0</v>
      </c>
      <c r="O34" s="6">
        <v>5.034126707952316</v>
      </c>
      <c r="P34" s="5">
        <v>6.11</v>
      </c>
      <c r="Q34" s="5">
        <v>6.99</v>
      </c>
      <c r="R34" s="8">
        <v>0.20799999999999999</v>
      </c>
      <c r="S34" s="9">
        <v>1.4441666666666666</v>
      </c>
      <c r="T34" s="7">
        <v>502</v>
      </c>
      <c r="U34" s="9">
        <v>0.9569899999999999</v>
      </c>
      <c r="V34" s="7">
        <v>38.933333333333337</v>
      </c>
      <c r="W34" s="5" t="s">
        <v>51</v>
      </c>
      <c r="X34" s="5">
        <v>-79.069999999999993</v>
      </c>
      <c r="Y34" s="9">
        <v>13.424311660420837</v>
      </c>
      <c r="Z34" s="2">
        <v>13.392691939249543</v>
      </c>
    </row>
    <row r="35" spans="1:26" x14ac:dyDescent="0.35">
      <c r="A35" s="1" t="s">
        <v>34</v>
      </c>
      <c r="B35" s="4">
        <v>5</v>
      </c>
      <c r="C35" s="4">
        <v>0</v>
      </c>
      <c r="D35" s="4">
        <v>0</v>
      </c>
      <c r="E35" s="4">
        <v>0</v>
      </c>
      <c r="F35" s="4">
        <v>0</v>
      </c>
      <c r="G35" s="4">
        <v>0</v>
      </c>
      <c r="H35" s="4">
        <v>0</v>
      </c>
      <c r="I35" s="4">
        <v>0</v>
      </c>
      <c r="J35" s="4">
        <v>0</v>
      </c>
      <c r="K35" s="4">
        <v>0</v>
      </c>
      <c r="L35" s="4">
        <v>1</v>
      </c>
      <c r="M35" s="4">
        <v>0</v>
      </c>
      <c r="N35" s="4">
        <v>0</v>
      </c>
      <c r="O35" s="7">
        <v>11.089429558070506</v>
      </c>
      <c r="P35" s="5">
        <v>7.67</v>
      </c>
      <c r="Q35" s="5">
        <v>7.57</v>
      </c>
      <c r="R35" s="8">
        <v>1.7641999999999995</v>
      </c>
      <c r="S35" s="9">
        <v>1.4441666666666666</v>
      </c>
      <c r="T35" s="7">
        <v>134.33333333333334</v>
      </c>
      <c r="U35" s="9">
        <v>0.88857833333333336</v>
      </c>
      <c r="V35" s="7">
        <v>35.233333333333334</v>
      </c>
      <c r="W35" s="5" t="s">
        <v>51</v>
      </c>
      <c r="X35" s="5">
        <v>-94.96</v>
      </c>
      <c r="Y35" s="9">
        <v>15.346334192218087</v>
      </c>
      <c r="Z35" s="2">
        <v>15.387938766625576</v>
      </c>
    </row>
    <row r="36" spans="1:26" x14ac:dyDescent="0.35">
      <c r="A36" s="1" t="s">
        <v>35</v>
      </c>
      <c r="B36" s="4">
        <v>5</v>
      </c>
      <c r="C36" s="4">
        <v>0</v>
      </c>
      <c r="D36" s="4">
        <v>0</v>
      </c>
      <c r="E36" s="4">
        <v>0</v>
      </c>
      <c r="F36" s="4">
        <v>0</v>
      </c>
      <c r="G36" s="4">
        <v>0</v>
      </c>
      <c r="H36" s="4">
        <v>0</v>
      </c>
      <c r="I36" s="4">
        <v>0</v>
      </c>
      <c r="J36" s="4">
        <v>0</v>
      </c>
      <c r="K36" s="4">
        <v>0</v>
      </c>
      <c r="L36" s="4">
        <v>1</v>
      </c>
      <c r="M36" s="4">
        <v>1</v>
      </c>
      <c r="N36" s="4">
        <v>1</v>
      </c>
      <c r="O36" s="6">
        <v>5.0928322673515138</v>
      </c>
      <c r="P36" s="5">
        <v>8.9700000000000006</v>
      </c>
      <c r="Q36" s="5">
        <v>7.72</v>
      </c>
      <c r="R36" s="8">
        <v>0.10569999999999999</v>
      </c>
      <c r="S36" s="9">
        <v>1.4635</v>
      </c>
      <c r="T36" s="5" t="s">
        <v>53</v>
      </c>
      <c r="U36" s="9">
        <v>1.02075</v>
      </c>
      <c r="V36" s="7">
        <v>57.033333333333331</v>
      </c>
      <c r="W36" s="5" t="s">
        <v>51</v>
      </c>
      <c r="X36" s="5">
        <v>-62.34</v>
      </c>
      <c r="Y36" s="9">
        <v>17.05317945478874</v>
      </c>
      <c r="Z36" s="2">
        <v>16.850475646979206</v>
      </c>
    </row>
    <row r="37" spans="1:26" x14ac:dyDescent="0.35">
      <c r="A37" s="1" t="s">
        <v>36</v>
      </c>
      <c r="B37" s="4">
        <v>5</v>
      </c>
      <c r="C37" s="4">
        <v>0</v>
      </c>
      <c r="D37" s="4">
        <v>0</v>
      </c>
      <c r="E37" s="4">
        <v>0</v>
      </c>
      <c r="F37" s="4">
        <v>0</v>
      </c>
      <c r="G37" s="4">
        <v>0</v>
      </c>
      <c r="H37" s="4">
        <v>0</v>
      </c>
      <c r="I37" s="4">
        <v>0</v>
      </c>
      <c r="J37" s="4">
        <v>0</v>
      </c>
      <c r="K37" s="4">
        <v>0</v>
      </c>
      <c r="L37" s="4">
        <v>1</v>
      </c>
      <c r="M37" s="4">
        <v>2</v>
      </c>
      <c r="N37" s="4">
        <v>1</v>
      </c>
      <c r="O37" s="7">
        <v>14.795876989941611</v>
      </c>
      <c r="P37" s="5">
        <v>6.22</v>
      </c>
      <c r="Q37" s="5">
        <v>7.69</v>
      </c>
      <c r="R37" s="8">
        <v>6.7133333333333323E-2</v>
      </c>
      <c r="S37" s="9">
        <v>1.4584999999999999</v>
      </c>
      <c r="T37" s="5" t="s">
        <v>53</v>
      </c>
      <c r="U37" s="9">
        <v>0.99303333333333332</v>
      </c>
      <c r="V37" s="7">
        <v>51.6</v>
      </c>
      <c r="W37" s="5" t="s">
        <v>51</v>
      </c>
      <c r="X37" s="5">
        <v>-46.66</v>
      </c>
      <c r="Y37" s="9">
        <v>14.411542681770655</v>
      </c>
      <c r="Z37" s="2">
        <v>14.375072413017046</v>
      </c>
    </row>
    <row r="38" spans="1:26" x14ac:dyDescent="0.35">
      <c r="A38" s="1" t="s">
        <v>37</v>
      </c>
      <c r="B38" s="4">
        <v>5</v>
      </c>
      <c r="C38" s="4">
        <v>0</v>
      </c>
      <c r="D38" s="4">
        <v>0</v>
      </c>
      <c r="E38" s="4">
        <v>0</v>
      </c>
      <c r="F38" s="4">
        <v>0</v>
      </c>
      <c r="G38" s="4">
        <v>0</v>
      </c>
      <c r="H38" s="4">
        <v>1</v>
      </c>
      <c r="I38" s="4">
        <v>0</v>
      </c>
      <c r="J38" s="4">
        <v>0</v>
      </c>
      <c r="K38" s="4">
        <v>0</v>
      </c>
      <c r="L38" s="4">
        <v>0</v>
      </c>
      <c r="M38" s="4">
        <v>1</v>
      </c>
      <c r="N38" s="4">
        <v>0</v>
      </c>
      <c r="O38" s="7">
        <v>16.91171789985788</v>
      </c>
      <c r="P38" s="5">
        <v>2.23</v>
      </c>
      <c r="Q38" s="5">
        <v>7.67</v>
      </c>
      <c r="R38" s="8" t="s">
        <v>2</v>
      </c>
      <c r="S38" s="8" t="s">
        <v>2</v>
      </c>
      <c r="T38" s="8" t="s">
        <v>2</v>
      </c>
      <c r="U38" s="8" t="s">
        <v>2</v>
      </c>
      <c r="V38" s="8" t="s">
        <v>2</v>
      </c>
      <c r="W38" s="5">
        <v>124.51</v>
      </c>
      <c r="X38" s="5" t="s">
        <v>51</v>
      </c>
      <c r="Y38" s="5" t="s">
        <v>55</v>
      </c>
      <c r="Z38" s="1" t="s">
        <v>56</v>
      </c>
    </row>
    <row r="39" spans="1:26" x14ac:dyDescent="0.35">
      <c r="A39" s="1" t="s">
        <v>38</v>
      </c>
      <c r="B39" s="4">
        <v>2</v>
      </c>
      <c r="C39" s="4">
        <v>1</v>
      </c>
      <c r="D39" s="4">
        <v>1</v>
      </c>
      <c r="E39" s="4">
        <v>1</v>
      </c>
      <c r="F39" s="4">
        <v>1</v>
      </c>
      <c r="G39" s="4">
        <v>1</v>
      </c>
      <c r="H39" s="4">
        <v>0</v>
      </c>
      <c r="I39" s="4">
        <v>0</v>
      </c>
      <c r="J39" s="4">
        <v>0</v>
      </c>
      <c r="K39" s="4">
        <v>0</v>
      </c>
      <c r="L39" s="4">
        <v>0</v>
      </c>
      <c r="M39" s="4">
        <v>0</v>
      </c>
      <c r="N39" s="4">
        <v>0</v>
      </c>
      <c r="O39" s="6">
        <v>4.571774993683702</v>
      </c>
      <c r="P39" s="5">
        <v>12.49</v>
      </c>
      <c r="Q39" s="5" t="s">
        <v>52</v>
      </c>
      <c r="R39" s="8" t="s">
        <v>2</v>
      </c>
      <c r="S39" s="8" t="s">
        <v>2</v>
      </c>
      <c r="T39" s="8" t="s">
        <v>2</v>
      </c>
      <c r="U39" s="8" t="s">
        <v>2</v>
      </c>
      <c r="V39" s="8" t="s">
        <v>2</v>
      </c>
      <c r="W39" s="5">
        <v>72.92</v>
      </c>
      <c r="X39" s="5" t="s">
        <v>51</v>
      </c>
      <c r="Y39" s="5" t="s">
        <v>55</v>
      </c>
    </row>
    <row r="40" spans="1:26" x14ac:dyDescent="0.35">
      <c r="A40" s="1" t="s">
        <v>39</v>
      </c>
      <c r="B40" s="4">
        <v>2</v>
      </c>
      <c r="C40" s="4">
        <v>1</v>
      </c>
      <c r="D40" s="4">
        <v>1</v>
      </c>
      <c r="E40" s="4">
        <v>1</v>
      </c>
      <c r="F40" s="4">
        <v>1</v>
      </c>
      <c r="G40" s="4">
        <v>0</v>
      </c>
      <c r="H40" s="4">
        <v>0</v>
      </c>
      <c r="I40" s="4">
        <v>0</v>
      </c>
      <c r="J40" s="4">
        <v>0</v>
      </c>
      <c r="K40" s="4">
        <v>0</v>
      </c>
      <c r="L40" s="4">
        <v>1</v>
      </c>
      <c r="M40" s="4">
        <v>1</v>
      </c>
      <c r="N40" s="4">
        <v>0</v>
      </c>
      <c r="O40" s="7">
        <v>11.263425781679095</v>
      </c>
      <c r="P40" s="5">
        <v>6.33</v>
      </c>
      <c r="Q40" s="5" t="s">
        <v>52</v>
      </c>
      <c r="R40" s="8" t="s">
        <v>2</v>
      </c>
      <c r="S40" s="8" t="s">
        <v>2</v>
      </c>
      <c r="T40" s="8" t="s">
        <v>2</v>
      </c>
      <c r="U40" s="8" t="s">
        <v>2</v>
      </c>
      <c r="V40" s="8" t="s">
        <v>2</v>
      </c>
      <c r="W40" s="5">
        <v>32.53</v>
      </c>
      <c r="X40" s="5">
        <v>-84.52</v>
      </c>
      <c r="Y40" s="5" t="s">
        <v>55</v>
      </c>
      <c r="Z40" s="1" t="s">
        <v>56</v>
      </c>
    </row>
    <row r="41" spans="1:26" x14ac:dyDescent="0.35">
      <c r="A41" s="1" t="s">
        <v>40</v>
      </c>
      <c r="B41" s="4">
        <v>2</v>
      </c>
      <c r="C41" s="4">
        <v>1</v>
      </c>
      <c r="D41" s="4">
        <v>1</v>
      </c>
      <c r="E41" s="4">
        <v>1</v>
      </c>
      <c r="F41" s="4">
        <v>1</v>
      </c>
      <c r="G41" s="4">
        <v>0</v>
      </c>
      <c r="H41" s="4">
        <v>0</v>
      </c>
      <c r="I41" s="4">
        <v>0</v>
      </c>
      <c r="J41" s="4">
        <v>0</v>
      </c>
      <c r="K41" s="4">
        <v>0</v>
      </c>
      <c r="L41" s="4">
        <v>1</v>
      </c>
      <c r="M41" s="4">
        <v>0</v>
      </c>
      <c r="N41" s="4">
        <v>0</v>
      </c>
      <c r="O41" s="7">
        <v>14.012478594844572</v>
      </c>
      <c r="P41" s="5">
        <v>5.63</v>
      </c>
      <c r="Q41" s="5" t="s">
        <v>52</v>
      </c>
      <c r="R41" s="8" t="s">
        <v>2</v>
      </c>
      <c r="S41" s="8" t="s">
        <v>2</v>
      </c>
      <c r="T41" s="8" t="s">
        <v>2</v>
      </c>
      <c r="U41" s="8" t="s">
        <v>2</v>
      </c>
      <c r="V41" s="8" t="s">
        <v>2</v>
      </c>
      <c r="W41" s="5" t="s">
        <v>51</v>
      </c>
      <c r="X41" s="5">
        <v>-89.91</v>
      </c>
      <c r="Y41" s="5"/>
    </row>
    <row r="42" spans="1:26" x14ac:dyDescent="0.35">
      <c r="A42" s="1" t="s">
        <v>41</v>
      </c>
      <c r="B42" s="4">
        <v>2</v>
      </c>
      <c r="C42" s="4">
        <v>1</v>
      </c>
      <c r="D42" s="4">
        <v>1</v>
      </c>
      <c r="E42" s="4">
        <v>1</v>
      </c>
      <c r="F42" s="4">
        <v>1</v>
      </c>
      <c r="G42" s="4">
        <v>0</v>
      </c>
      <c r="H42" s="4">
        <v>0</v>
      </c>
      <c r="I42" s="4">
        <v>0</v>
      </c>
      <c r="J42" s="4">
        <v>0</v>
      </c>
      <c r="K42" s="4">
        <v>0</v>
      </c>
      <c r="L42" s="4">
        <v>1</v>
      </c>
      <c r="M42" s="4">
        <v>1</v>
      </c>
      <c r="N42" s="4">
        <v>1</v>
      </c>
      <c r="O42" s="7">
        <v>15.95410544961865</v>
      </c>
      <c r="P42" s="5">
        <v>10.73</v>
      </c>
      <c r="Q42" s="5" t="s">
        <v>52</v>
      </c>
      <c r="R42" s="8">
        <v>0.37157999999999997</v>
      </c>
      <c r="S42" s="9">
        <v>1.4892333333333332</v>
      </c>
      <c r="T42" s="7">
        <v>1053.3333333333333</v>
      </c>
      <c r="U42" s="9">
        <v>1.1580866666666667</v>
      </c>
      <c r="V42" s="7">
        <v>53.766666666666659</v>
      </c>
      <c r="W42" s="5" t="s">
        <v>51</v>
      </c>
      <c r="X42" s="5">
        <v>-87.57</v>
      </c>
      <c r="Y42" s="5"/>
    </row>
    <row r="43" spans="1:26" x14ac:dyDescent="0.35">
      <c r="A43" s="1" t="s">
        <v>42</v>
      </c>
      <c r="B43" s="4">
        <v>2</v>
      </c>
      <c r="C43" s="4">
        <v>1</v>
      </c>
      <c r="D43" s="4">
        <v>1</v>
      </c>
      <c r="E43" s="4">
        <v>1</v>
      </c>
      <c r="F43" s="4">
        <v>1</v>
      </c>
      <c r="G43" s="4">
        <v>0</v>
      </c>
      <c r="H43" s="4">
        <v>0</v>
      </c>
      <c r="I43" s="4">
        <v>0</v>
      </c>
      <c r="J43" s="4">
        <v>0</v>
      </c>
      <c r="K43" s="4">
        <v>0</v>
      </c>
      <c r="L43" s="4">
        <v>1</v>
      </c>
      <c r="M43" s="4">
        <v>2</v>
      </c>
      <c r="N43" s="4">
        <v>1</v>
      </c>
      <c r="O43" s="7">
        <v>14.854361379674689</v>
      </c>
      <c r="P43" s="5">
        <v>8.36</v>
      </c>
      <c r="Q43" s="5" t="s">
        <v>52</v>
      </c>
      <c r="R43" s="8">
        <v>0.13766666666666666</v>
      </c>
      <c r="S43" s="9">
        <v>1.4829333333333334</v>
      </c>
      <c r="T43" s="5" t="s">
        <v>53</v>
      </c>
      <c r="U43" s="9">
        <v>1.0721499999999999</v>
      </c>
      <c r="V43" s="7">
        <v>67.533333333333346</v>
      </c>
      <c r="W43" s="5" t="s">
        <v>51</v>
      </c>
      <c r="X43" s="5">
        <v>-59.4</v>
      </c>
      <c r="Y43" s="5"/>
    </row>
    <row r="44" spans="1:26" x14ac:dyDescent="0.35">
      <c r="A44" s="1" t="s">
        <v>43</v>
      </c>
      <c r="B44" s="4">
        <v>2</v>
      </c>
      <c r="C44" s="4">
        <v>1</v>
      </c>
      <c r="D44" s="4">
        <v>1</v>
      </c>
      <c r="E44" s="4">
        <v>1</v>
      </c>
      <c r="F44" s="4">
        <v>1</v>
      </c>
      <c r="G44" s="4">
        <v>0</v>
      </c>
      <c r="H44" s="4">
        <v>1</v>
      </c>
      <c r="I44" s="4">
        <v>0</v>
      </c>
      <c r="J44" s="4">
        <v>0</v>
      </c>
      <c r="K44" s="4">
        <v>0</v>
      </c>
      <c r="L44" s="4">
        <v>0</v>
      </c>
      <c r="M44" s="4">
        <v>1</v>
      </c>
      <c r="N44" s="4">
        <v>0</v>
      </c>
      <c r="O44" s="6">
        <v>9.7070120491692311</v>
      </c>
      <c r="P44" s="5">
        <v>11.91</v>
      </c>
      <c r="Q44" s="5" t="s">
        <v>52</v>
      </c>
      <c r="R44" s="8" t="s">
        <v>2</v>
      </c>
      <c r="S44" s="8" t="s">
        <v>2</v>
      </c>
      <c r="T44" s="8" t="s">
        <v>2</v>
      </c>
      <c r="U44" s="8" t="s">
        <v>2</v>
      </c>
      <c r="V44" s="8" t="s">
        <v>2</v>
      </c>
      <c r="W44" s="5">
        <v>74.62</v>
      </c>
      <c r="X44" s="5" t="s">
        <v>51</v>
      </c>
      <c r="Y44" s="5" t="s">
        <v>55</v>
      </c>
      <c r="Z44" s="1" t="s">
        <v>55</v>
      </c>
    </row>
    <row r="45" spans="1:26" x14ac:dyDescent="0.35">
      <c r="A45" s="1" t="s">
        <v>44</v>
      </c>
      <c r="B45" s="4">
        <v>2</v>
      </c>
      <c r="C45" s="4">
        <v>1</v>
      </c>
      <c r="D45" s="4">
        <v>1</v>
      </c>
      <c r="E45" s="4">
        <v>1</v>
      </c>
      <c r="F45" s="4">
        <v>1</v>
      </c>
      <c r="G45" s="4">
        <v>0</v>
      </c>
      <c r="H45" s="4">
        <v>0</v>
      </c>
      <c r="I45" s="4">
        <v>0</v>
      </c>
      <c r="J45" s="4">
        <v>0</v>
      </c>
      <c r="K45" s="4">
        <v>0</v>
      </c>
      <c r="L45" s="4">
        <v>1</v>
      </c>
      <c r="M45" s="4">
        <v>5</v>
      </c>
      <c r="N45" s="4">
        <v>0</v>
      </c>
      <c r="O45" s="7">
        <v>18.350511088755088</v>
      </c>
      <c r="P45" s="5">
        <v>6.24</v>
      </c>
      <c r="Q45" s="5" t="s">
        <v>52</v>
      </c>
      <c r="R45" s="8" t="s">
        <v>2</v>
      </c>
      <c r="S45" s="8" t="s">
        <v>2</v>
      </c>
      <c r="T45" s="8" t="s">
        <v>2</v>
      </c>
      <c r="U45" s="8" t="s">
        <v>2</v>
      </c>
      <c r="V45" s="8" t="s">
        <v>2</v>
      </c>
      <c r="W45" s="5">
        <v>75.61</v>
      </c>
      <c r="X45" s="5" t="s">
        <v>51</v>
      </c>
      <c r="Y45" s="5" t="s">
        <v>55</v>
      </c>
      <c r="Z45" s="1" t="s">
        <v>55</v>
      </c>
    </row>
    <row r="46" spans="1:26" x14ac:dyDescent="0.35">
      <c r="A46" s="1" t="s">
        <v>45</v>
      </c>
      <c r="B46" s="4">
        <v>2</v>
      </c>
      <c r="C46" s="4">
        <v>1</v>
      </c>
      <c r="D46" s="4">
        <v>1</v>
      </c>
      <c r="E46" s="4">
        <v>1</v>
      </c>
      <c r="F46" s="4">
        <v>1</v>
      </c>
      <c r="G46" s="4">
        <v>0</v>
      </c>
      <c r="H46" s="4">
        <v>0</v>
      </c>
      <c r="I46" s="4">
        <v>1</v>
      </c>
      <c r="J46" s="4">
        <v>0</v>
      </c>
      <c r="K46" s="4">
        <v>0</v>
      </c>
      <c r="L46" s="4">
        <v>0</v>
      </c>
      <c r="M46" s="4">
        <v>0</v>
      </c>
      <c r="N46" s="4">
        <v>0</v>
      </c>
      <c r="O46" s="7">
        <v>15.417075465304601</v>
      </c>
      <c r="P46" s="5">
        <v>5.84</v>
      </c>
      <c r="Q46" s="5" t="s">
        <v>52</v>
      </c>
      <c r="R46" s="8" t="s">
        <v>2</v>
      </c>
      <c r="S46" s="8" t="s">
        <v>2</v>
      </c>
      <c r="T46" s="8" t="s">
        <v>2</v>
      </c>
      <c r="U46" s="8" t="s">
        <v>2</v>
      </c>
      <c r="V46" s="8" t="s">
        <v>2</v>
      </c>
      <c r="W46" s="5">
        <v>91.31</v>
      </c>
      <c r="X46" s="5" t="s">
        <v>51</v>
      </c>
      <c r="Y46" s="5" t="s">
        <v>55</v>
      </c>
      <c r="Z46" s="1" t="s">
        <v>55</v>
      </c>
    </row>
    <row r="47" spans="1:26" x14ac:dyDescent="0.35">
      <c r="A47" s="1" t="s">
        <v>46</v>
      </c>
      <c r="B47" s="4">
        <v>2</v>
      </c>
      <c r="C47" s="4">
        <v>2</v>
      </c>
      <c r="D47" s="4">
        <v>0</v>
      </c>
      <c r="E47" s="4">
        <v>0</v>
      </c>
      <c r="F47" s="4">
        <v>0</v>
      </c>
      <c r="G47" s="4">
        <v>0</v>
      </c>
      <c r="H47" s="4">
        <v>0</v>
      </c>
      <c r="I47" s="4">
        <v>0</v>
      </c>
      <c r="J47" s="4">
        <v>0</v>
      </c>
      <c r="K47" s="4">
        <v>0</v>
      </c>
      <c r="L47" s="4">
        <v>1</v>
      </c>
      <c r="M47" s="4">
        <v>0</v>
      </c>
      <c r="N47" s="4">
        <v>0</v>
      </c>
      <c r="O47" s="6">
        <v>0.60158918497606229</v>
      </c>
      <c r="P47" s="5">
        <v>3.83</v>
      </c>
      <c r="Q47" s="5">
        <v>6.45</v>
      </c>
      <c r="R47" s="8">
        <v>13.864333333333335</v>
      </c>
      <c r="S47" s="9">
        <v>1.4275</v>
      </c>
      <c r="T47" s="7">
        <v>19.766666666666666</v>
      </c>
      <c r="U47" s="9">
        <v>0.93968333333333343</v>
      </c>
      <c r="V47" s="7">
        <v>43.433333333333337</v>
      </c>
      <c r="W47" s="5" t="s">
        <v>51</v>
      </c>
      <c r="X47" s="5">
        <v>-104.09</v>
      </c>
      <c r="Y47" s="5"/>
    </row>
    <row r="48" spans="1:26" x14ac:dyDescent="0.35">
      <c r="A48" s="1" t="s">
        <v>47</v>
      </c>
      <c r="B48" s="4">
        <v>2</v>
      </c>
      <c r="C48" s="4">
        <v>2</v>
      </c>
      <c r="D48" s="4">
        <v>0</v>
      </c>
      <c r="E48" s="4">
        <v>0</v>
      </c>
      <c r="F48" s="4">
        <v>2</v>
      </c>
      <c r="G48" s="4">
        <v>0</v>
      </c>
      <c r="H48" s="4">
        <v>0</v>
      </c>
      <c r="I48" s="4">
        <v>0</v>
      </c>
      <c r="J48" s="4">
        <v>0</v>
      </c>
      <c r="K48" s="4">
        <v>0</v>
      </c>
      <c r="L48" s="4">
        <v>1</v>
      </c>
      <c r="M48" s="4">
        <v>0</v>
      </c>
      <c r="N48" s="4">
        <v>0</v>
      </c>
      <c r="O48" s="7">
        <v>13.670455599762537</v>
      </c>
      <c r="P48" s="5">
        <v>7.63</v>
      </c>
      <c r="Q48" s="5">
        <v>6.81</v>
      </c>
      <c r="R48" s="8">
        <v>1.0221500000000001</v>
      </c>
      <c r="S48" s="9">
        <v>1.4825666666666664</v>
      </c>
      <c r="T48" s="7">
        <v>814.66666666666663</v>
      </c>
      <c r="U48" s="9">
        <v>1.1465166666666666</v>
      </c>
      <c r="V48" s="7">
        <v>71.899999999999991</v>
      </c>
      <c r="W48" s="5" t="s">
        <v>51</v>
      </c>
      <c r="X48" s="5">
        <v>-71.88</v>
      </c>
      <c r="Y48" s="5"/>
    </row>
    <row r="49" spans="1:25" x14ac:dyDescent="0.35">
      <c r="A49" s="1" t="s">
        <v>48</v>
      </c>
      <c r="B49" s="4">
        <v>2</v>
      </c>
      <c r="C49" s="4">
        <v>2</v>
      </c>
      <c r="D49" s="4">
        <v>0</v>
      </c>
      <c r="E49" s="4">
        <v>0</v>
      </c>
      <c r="F49" s="4">
        <v>2</v>
      </c>
      <c r="G49" s="4">
        <v>0</v>
      </c>
      <c r="H49" s="4">
        <v>0</v>
      </c>
      <c r="I49" s="4">
        <v>0</v>
      </c>
      <c r="J49" s="4">
        <v>0</v>
      </c>
      <c r="K49" s="4">
        <v>0</v>
      </c>
      <c r="L49" s="4">
        <v>1</v>
      </c>
      <c r="M49" s="4">
        <v>1</v>
      </c>
      <c r="N49" s="4">
        <v>0</v>
      </c>
      <c r="O49" s="6">
        <v>1.9800021866530644</v>
      </c>
      <c r="P49" s="5">
        <v>7.91</v>
      </c>
      <c r="Q49" s="5" t="s">
        <v>51</v>
      </c>
      <c r="R49" s="8">
        <v>0.14025000000000001</v>
      </c>
      <c r="S49" s="9">
        <v>1.4786333333333335</v>
      </c>
      <c r="T49" s="5" t="s">
        <v>53</v>
      </c>
      <c r="U49" s="9">
        <v>1.1061833333333333</v>
      </c>
      <c r="V49" s="7">
        <v>76.033333333333331</v>
      </c>
      <c r="W49" s="5" t="s">
        <v>51</v>
      </c>
      <c r="X49" s="5">
        <v>-64.63</v>
      </c>
      <c r="Y49" s="5"/>
    </row>
    <row r="50" spans="1:25" x14ac:dyDescent="0.35">
      <c r="A50" s="1" t="s">
        <v>49</v>
      </c>
      <c r="B50" s="4">
        <v>2</v>
      </c>
      <c r="C50" s="4">
        <v>2</v>
      </c>
      <c r="D50" s="4">
        <v>2</v>
      </c>
      <c r="E50" s="4">
        <v>0</v>
      </c>
      <c r="F50" s="4">
        <v>3</v>
      </c>
      <c r="G50" s="4">
        <v>0</v>
      </c>
      <c r="H50" s="4">
        <v>0</v>
      </c>
      <c r="I50" s="4">
        <v>0</v>
      </c>
      <c r="J50" s="4">
        <v>0</v>
      </c>
      <c r="K50" s="4">
        <v>0</v>
      </c>
      <c r="L50" s="4">
        <v>1</v>
      </c>
      <c r="M50" s="4">
        <v>0</v>
      </c>
      <c r="N50" s="4">
        <v>0</v>
      </c>
      <c r="O50" s="7">
        <v>12.225867091928832</v>
      </c>
      <c r="P50" s="6">
        <v>6.7</v>
      </c>
      <c r="Q50" s="5" t="s">
        <v>51</v>
      </c>
      <c r="R50" s="8" t="s">
        <v>2</v>
      </c>
      <c r="S50" s="8" t="s">
        <v>2</v>
      </c>
      <c r="T50" s="8" t="s">
        <v>2</v>
      </c>
      <c r="U50" s="8" t="s">
        <v>2</v>
      </c>
      <c r="V50" s="8" t="s">
        <v>2</v>
      </c>
      <c r="W50" s="5">
        <v>63.87</v>
      </c>
      <c r="X50" s="5">
        <v>-85.13</v>
      </c>
      <c r="Y50" s="5" t="s">
        <v>55</v>
      </c>
    </row>
    <row r="51" spans="1:25" x14ac:dyDescent="0.35">
      <c r="A51" s="1" t="s">
        <v>50</v>
      </c>
      <c r="B51" s="4">
        <v>2</v>
      </c>
      <c r="C51" s="4">
        <v>2</v>
      </c>
      <c r="D51" s="4">
        <v>2</v>
      </c>
      <c r="E51" s="4">
        <v>0</v>
      </c>
      <c r="F51" s="4">
        <v>3</v>
      </c>
      <c r="G51" s="4">
        <v>0</v>
      </c>
      <c r="H51" s="4">
        <v>0</v>
      </c>
      <c r="I51" s="4">
        <v>0</v>
      </c>
      <c r="J51" s="4">
        <v>0</v>
      </c>
      <c r="K51" s="4">
        <v>0</v>
      </c>
      <c r="L51" s="4">
        <v>1</v>
      </c>
      <c r="M51" s="4">
        <v>1</v>
      </c>
      <c r="N51" s="4">
        <v>0</v>
      </c>
      <c r="O51" s="6">
        <v>8.3666094264176536</v>
      </c>
      <c r="P51" s="5">
        <v>7.84</v>
      </c>
      <c r="Q51" s="5" t="s">
        <v>51</v>
      </c>
      <c r="R51" s="8" t="s">
        <v>2</v>
      </c>
      <c r="S51" s="8" t="s">
        <v>2</v>
      </c>
      <c r="T51" s="8" t="s">
        <v>2</v>
      </c>
      <c r="U51" s="8" t="s">
        <v>2</v>
      </c>
      <c r="V51" s="8" t="s">
        <v>2</v>
      </c>
      <c r="W51" s="5">
        <v>47.69</v>
      </c>
      <c r="X51" s="5">
        <v>-66.150000000000006</v>
      </c>
      <c r="Y51" s="5"/>
    </row>
    <row r="52" spans="1:25" x14ac:dyDescent="0.35">
      <c r="O52" s="5"/>
    </row>
    <row r="53" spans="1:25" x14ac:dyDescent="0.35">
      <c r="O53" s="5"/>
    </row>
  </sheetData>
  <conditionalFormatting sqref="Q2:Q51">
    <cfRule type="containsText" dxfId="3" priority="4" operator="containsText" text="yes">
      <formula>NOT(ISERROR(SEARCH("yes",Q2)))</formula>
    </cfRule>
  </conditionalFormatting>
  <conditionalFormatting sqref="O1:O53 P2:Y51">
    <cfRule type="containsText" dxfId="2" priority="5" operator="containsText" text="N/D">
      <formula>NOT(ISERROR(SEARCH("N/D",O1)))</formula>
    </cfRule>
    <cfRule type="containsText" dxfId="1" priority="6" operator="containsText" text="N/A">
      <formula>NOT(ISERROR(SEARCH("N/A",O1)))</formula>
    </cfRule>
    <cfRule type="containsText" dxfId="0" priority="7" operator="containsText" text="Solid">
      <formula>NOT(ISERROR(SEARCH("Solid",O1)))</formula>
    </cfRule>
  </conditionalFormatting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393EA6D-5464-43FE-B857-5423B69BEB88}">
  <dimension ref="A2:D19"/>
  <sheetViews>
    <sheetView workbookViewId="0">
      <selection activeCell="G8" sqref="G8"/>
    </sheetView>
  </sheetViews>
  <sheetFormatPr defaultRowHeight="14.5" x14ac:dyDescent="0.35"/>
  <cols>
    <col min="1" max="1" width="9.90625" bestFit="1" customWidth="1"/>
    <col min="2" max="2" width="9.81640625" bestFit="1" customWidth="1"/>
    <col min="3" max="3" width="52" bestFit="1" customWidth="1"/>
    <col min="4" max="4" width="17.453125" bestFit="1" customWidth="1"/>
  </cols>
  <sheetData>
    <row r="2" spans="2:4" x14ac:dyDescent="0.35">
      <c r="B2" s="12" t="s">
        <v>89</v>
      </c>
      <c r="C2" s="12" t="s">
        <v>90</v>
      </c>
      <c r="D2" s="12" t="s">
        <v>97</v>
      </c>
    </row>
    <row r="3" spans="2:4" ht="15.5" x14ac:dyDescent="0.35">
      <c r="B3" s="13"/>
      <c r="C3" s="14" t="s">
        <v>99</v>
      </c>
      <c r="D3" s="13"/>
    </row>
    <row r="4" spans="2:4" x14ac:dyDescent="0.35">
      <c r="B4" s="10" t="s">
        <v>61</v>
      </c>
      <c r="C4" s="10" t="s">
        <v>83</v>
      </c>
      <c r="D4" s="10">
        <v>50</v>
      </c>
    </row>
    <row r="5" spans="2:4" x14ac:dyDescent="0.35">
      <c r="B5" s="10" t="s">
        <v>62</v>
      </c>
      <c r="C5" s="10" t="s">
        <v>84</v>
      </c>
      <c r="D5" s="10">
        <v>13</v>
      </c>
    </row>
    <row r="6" spans="2:4" x14ac:dyDescent="0.35">
      <c r="B6" s="10" t="s">
        <v>63</v>
      </c>
      <c r="C6" s="10" t="s">
        <v>85</v>
      </c>
      <c r="D6" s="10">
        <v>10</v>
      </c>
    </row>
    <row r="7" spans="2:4" x14ac:dyDescent="0.35">
      <c r="B7" s="10" t="s">
        <v>64</v>
      </c>
      <c r="C7" s="10" t="s">
        <v>102</v>
      </c>
      <c r="D7" s="10">
        <v>8</v>
      </c>
    </row>
    <row r="8" spans="2:4" x14ac:dyDescent="0.35">
      <c r="B8" s="10" t="s">
        <v>65</v>
      </c>
      <c r="C8" s="10" t="s">
        <v>86</v>
      </c>
      <c r="D8" s="10">
        <v>21</v>
      </c>
    </row>
    <row r="9" spans="2:4" ht="15.5" x14ac:dyDescent="0.35">
      <c r="B9" s="13"/>
      <c r="C9" s="14" t="s">
        <v>100</v>
      </c>
      <c r="D9" s="13"/>
    </row>
    <row r="10" spans="2:4" x14ac:dyDescent="0.35">
      <c r="B10" s="10" t="s">
        <v>66</v>
      </c>
      <c r="C10" s="10" t="s">
        <v>91</v>
      </c>
      <c r="D10" s="10">
        <v>6</v>
      </c>
    </row>
    <row r="11" spans="2:4" x14ac:dyDescent="0.35">
      <c r="B11" s="10" t="s">
        <v>67</v>
      </c>
      <c r="C11" s="10" t="s">
        <v>92</v>
      </c>
      <c r="D11" s="10">
        <v>6</v>
      </c>
    </row>
    <row r="12" spans="2:4" x14ac:dyDescent="0.35">
      <c r="B12" s="10" t="s">
        <v>68</v>
      </c>
      <c r="C12" s="10" t="s">
        <v>95</v>
      </c>
      <c r="D12" s="10">
        <v>3</v>
      </c>
    </row>
    <row r="13" spans="2:4" x14ac:dyDescent="0.35">
      <c r="B13" s="10" t="s">
        <v>69</v>
      </c>
      <c r="C13" s="10" t="s">
        <v>93</v>
      </c>
      <c r="D13" s="10">
        <v>1</v>
      </c>
    </row>
    <row r="14" spans="2:4" x14ac:dyDescent="0.35">
      <c r="B14" s="10" t="s">
        <v>70</v>
      </c>
      <c r="C14" s="10" t="s">
        <v>94</v>
      </c>
      <c r="D14" s="10">
        <v>1</v>
      </c>
    </row>
    <row r="15" spans="2:4" x14ac:dyDescent="0.35">
      <c r="B15" s="10" t="s">
        <v>71</v>
      </c>
      <c r="C15" s="10" t="s">
        <v>87</v>
      </c>
      <c r="D15" s="10">
        <v>34</v>
      </c>
    </row>
    <row r="16" spans="2:4" x14ac:dyDescent="0.35">
      <c r="B16" s="10" t="s">
        <v>72</v>
      </c>
      <c r="C16" s="10" t="s">
        <v>96</v>
      </c>
      <c r="D16" s="10">
        <v>30</v>
      </c>
    </row>
    <row r="17" spans="1:4" x14ac:dyDescent="0.35">
      <c r="B17" s="10" t="s">
        <v>60</v>
      </c>
      <c r="C17" s="10" t="s">
        <v>88</v>
      </c>
      <c r="D17" s="10">
        <v>12</v>
      </c>
    </row>
    <row r="18" spans="1:4" x14ac:dyDescent="0.35">
      <c r="B18" s="15"/>
      <c r="C18" s="16" t="s">
        <v>101</v>
      </c>
      <c r="D18" s="15"/>
    </row>
    <row r="19" spans="1:4" x14ac:dyDescent="0.35">
      <c r="A19" s="11"/>
      <c r="B19" s="17" t="s">
        <v>74</v>
      </c>
      <c r="C19" s="17" t="s">
        <v>98</v>
      </c>
      <c r="D19" s="17">
        <v>50</v>
      </c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ata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uart Brown</dc:creator>
  <cp:lastModifiedBy>Stuart Brown</cp:lastModifiedBy>
  <dcterms:created xsi:type="dcterms:W3CDTF">2015-06-05T18:17:20Z</dcterms:created>
  <dcterms:modified xsi:type="dcterms:W3CDTF">2022-04-13T16:16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1b52b3a1-dbcb-41fb-a452-370cf542753f_Enabled">
    <vt:lpwstr>true</vt:lpwstr>
  </property>
  <property fmtid="{D5CDD505-2E9C-101B-9397-08002B2CF9AE}" pid="3" name="MSIP_Label_1b52b3a1-dbcb-41fb-a452-370cf542753f_SetDate">
    <vt:lpwstr>2021-10-25T06:07:10Z</vt:lpwstr>
  </property>
  <property fmtid="{D5CDD505-2E9C-101B-9397-08002B2CF9AE}" pid="4" name="MSIP_Label_1b52b3a1-dbcb-41fb-a452-370cf542753f_Method">
    <vt:lpwstr>Privileged</vt:lpwstr>
  </property>
  <property fmtid="{D5CDD505-2E9C-101B-9397-08002B2CF9AE}" pid="5" name="MSIP_Label_1b52b3a1-dbcb-41fb-a452-370cf542753f_Name">
    <vt:lpwstr>Public</vt:lpwstr>
  </property>
  <property fmtid="{D5CDD505-2E9C-101B-9397-08002B2CF9AE}" pid="6" name="MSIP_Label_1b52b3a1-dbcb-41fb-a452-370cf542753f_SiteId">
    <vt:lpwstr>d1323671-cdbe-4417-b4d4-bdb24b51316b</vt:lpwstr>
  </property>
  <property fmtid="{D5CDD505-2E9C-101B-9397-08002B2CF9AE}" pid="7" name="MSIP_Label_1b52b3a1-dbcb-41fb-a452-370cf542753f_ActionId">
    <vt:lpwstr>d3b81345-5587-4e18-90fe-95aa03526c11</vt:lpwstr>
  </property>
  <property fmtid="{D5CDD505-2E9C-101B-9397-08002B2CF9AE}" pid="8" name="MSIP_Label_1b52b3a1-dbcb-41fb-a452-370cf542753f_ContentBits">
    <vt:lpwstr>0</vt:lpwstr>
  </property>
</Properties>
</file>